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36\02_人材確保グループ\450_看護職\493_看護業務等アシスト機器導入支援事業\04_申請依頼\"/>
    </mc:Choice>
  </mc:AlternateContent>
  <bookViews>
    <workbookView xWindow="0" yWindow="0" windowWidth="17925" windowHeight="6825" tabRatio="684"/>
  </bookViews>
  <sheets>
    <sheet name="別紙１　所要額調書" sheetId="23" r:id="rId1"/>
    <sheet name="Sheet" sheetId="36" state="hidden" r:id="rId2"/>
    <sheet name="別紙１　 (記入例)" sheetId="34" r:id="rId3"/>
    <sheet name="別紙２　事業計画書" sheetId="24" r:id="rId4"/>
    <sheet name="別紙２　 (記入例)" sheetId="37" r:id="rId5"/>
    <sheet name="（参考）当該事業に係る歳入歳出予算書の抄本" sheetId="25" r:id="rId6"/>
    <sheet name="当該事業に係る歳入歳出予算書の抄本 (記入例）" sheetId="30" r:id="rId7"/>
    <sheet name="（参考）口座振込申出書" sheetId="31" r:id="rId8"/>
    <sheet name="口座振込申出書（記入例）" sheetId="32" r:id="rId9"/>
  </sheets>
  <definedNames>
    <definedName name="_Key1" localSheetId="2" hidden="1">#REF!</definedName>
    <definedName name="_Key1" localSheetId="4" hidden="1">#REF!</definedName>
    <definedName name="_Key1" hidden="1">#REF!</definedName>
    <definedName name="_Key2" localSheetId="2" hidden="1">#REF!</definedName>
    <definedName name="_Key2" localSheetId="4" hidden="1">#REF!</definedName>
    <definedName name="_Key2" hidden="1">#REF!</definedName>
    <definedName name="_Order1" hidden="1">255</definedName>
    <definedName name="_Order2" hidden="1">255</definedName>
    <definedName name="_Sort" localSheetId="2" hidden="1">#REF!</definedName>
    <definedName name="_Sort" localSheetId="4" hidden="1">#REF!</definedName>
    <definedName name="_Sort" hidden="1">#REF!</definedName>
    <definedName name="_xlnm.Print_Area" localSheetId="5">'（参考）当該事業に係る歳入歳出予算書の抄本'!$A$1:$D$29</definedName>
    <definedName name="_xlnm.Print_Area" localSheetId="8">'口座振込申出書（記入例）'!$A$1:$O$24</definedName>
    <definedName name="_xlnm.Print_Area" localSheetId="2">'別紙１　 (記入例)'!$A$1:$M$18</definedName>
    <definedName name="_xlnm.Print_Area" localSheetId="0">'別紙１　所要額調書'!$A$1:$L$11</definedName>
    <definedName name="_xlnm.Print_Area" localSheetId="4">'別紙２　 (記入例)'!$A$1:$F$13</definedName>
    <definedName name="_xlnm.Print_Area" localSheetId="3">'別紙２　事業計画書'!$A$1:$F$13</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L10" i="23" l="1"/>
  <c r="D17" i="25" l="1"/>
  <c r="B17" i="25"/>
  <c r="I10" i="34" l="1"/>
  <c r="J10" i="34" s="1"/>
  <c r="L10" i="34" s="1"/>
  <c r="F10" i="34"/>
  <c r="I10" i="23"/>
  <c r="F10" i="23"/>
  <c r="J10" i="23" l="1"/>
  <c r="D17" i="30" l="1"/>
  <c r="B17" i="30"/>
</calcChain>
</file>

<file path=xl/sharedStrings.xml><?xml version="1.0" encoding="utf-8"?>
<sst xmlns="http://schemas.openxmlformats.org/spreadsheetml/2006/main" count="188" uniqueCount="112">
  <si>
    <t>総事業費</t>
    <rPh sb="0" eb="4">
      <t>ソウジギョウヒ</t>
    </rPh>
    <phoneticPr fontId="9"/>
  </si>
  <si>
    <t>寄付金その他の収入額</t>
    <rPh sb="0" eb="3">
      <t>キフキン</t>
    </rPh>
    <rPh sb="5" eb="6">
      <t>タ</t>
    </rPh>
    <rPh sb="7" eb="9">
      <t>シュウニュウ</t>
    </rPh>
    <rPh sb="9" eb="10">
      <t>ガク</t>
    </rPh>
    <phoneticPr fontId="9"/>
  </si>
  <si>
    <t>Ａ</t>
    <phoneticPr fontId="8"/>
  </si>
  <si>
    <t>Ｂ</t>
    <phoneticPr fontId="8"/>
  </si>
  <si>
    <t>Ｄ</t>
    <phoneticPr fontId="8"/>
  </si>
  <si>
    <t>Ｅ</t>
    <phoneticPr fontId="8"/>
  </si>
  <si>
    <t>交付額</t>
    <rPh sb="0" eb="2">
      <t>コウフ</t>
    </rPh>
    <rPh sb="2" eb="3">
      <t>ガク</t>
    </rPh>
    <phoneticPr fontId="8"/>
  </si>
  <si>
    <t>Ｇ</t>
    <phoneticPr fontId="8"/>
  </si>
  <si>
    <t>Ｈ</t>
    <phoneticPr fontId="8"/>
  </si>
  <si>
    <t>補助基本額（ＣとＦの少ない方の額）</t>
    <rPh sb="0" eb="2">
      <t>ホジョ</t>
    </rPh>
    <rPh sb="2" eb="4">
      <t>キホン</t>
    </rPh>
    <rPh sb="4" eb="5">
      <t>ガク</t>
    </rPh>
    <rPh sb="10" eb="11">
      <t>スク</t>
    </rPh>
    <rPh sb="13" eb="14">
      <t>ホウ</t>
    </rPh>
    <rPh sb="15" eb="16">
      <t>ガク</t>
    </rPh>
    <phoneticPr fontId="3"/>
  </si>
  <si>
    <t>（単位：円）</t>
    <rPh sb="1" eb="3">
      <t>タンイ</t>
    </rPh>
    <rPh sb="4" eb="5">
      <t>エン</t>
    </rPh>
    <phoneticPr fontId="9"/>
  </si>
  <si>
    <t>歳入（収入）</t>
    <rPh sb="0" eb="2">
      <t>サイニュウ</t>
    </rPh>
    <rPh sb="3" eb="5">
      <t>シュウニュウ</t>
    </rPh>
    <phoneticPr fontId="9"/>
  </si>
  <si>
    <t>歳出(支出）</t>
    <rPh sb="0" eb="2">
      <t>サイシュツ</t>
    </rPh>
    <rPh sb="3" eb="5">
      <t>シシュツ</t>
    </rPh>
    <phoneticPr fontId="9"/>
  </si>
  <si>
    <t>科目</t>
    <rPh sb="0" eb="2">
      <t>カモク</t>
    </rPh>
    <phoneticPr fontId="9"/>
  </si>
  <si>
    <t>金額</t>
    <rPh sb="0" eb="2">
      <t>キンガク</t>
    </rPh>
    <phoneticPr fontId="9"/>
  </si>
  <si>
    <t>科目</t>
    <rPh sb="0" eb="2">
      <t>カモク</t>
    </rPh>
    <phoneticPr fontId="11"/>
  </si>
  <si>
    <t>県補助金</t>
    <rPh sb="0" eb="1">
      <t>ケン</t>
    </rPh>
    <rPh sb="1" eb="4">
      <t>ホジョキン</t>
    </rPh>
    <phoneticPr fontId="9"/>
  </si>
  <si>
    <t>自己資金</t>
    <rPh sb="0" eb="2">
      <t>ジコ</t>
    </rPh>
    <rPh sb="2" eb="4">
      <t>シキン</t>
    </rPh>
    <phoneticPr fontId="9"/>
  </si>
  <si>
    <t>計</t>
    <rPh sb="0" eb="1">
      <t>ケイ</t>
    </rPh>
    <phoneticPr fontId="9"/>
  </si>
  <si>
    <t>原本と相違ないことを証明する。</t>
    <rPh sb="0" eb="2">
      <t>ゲンポン</t>
    </rPh>
    <rPh sb="3" eb="5">
      <t>ソウイ</t>
    </rPh>
    <rPh sb="10" eb="12">
      <t>ショウメイ</t>
    </rPh>
    <phoneticPr fontId="9"/>
  </si>
  <si>
    <t>寄付金</t>
    <rPh sb="0" eb="3">
      <t>キフキン</t>
    </rPh>
    <phoneticPr fontId="3"/>
  </si>
  <si>
    <r>
      <t>団体名（事業所名）</t>
    </r>
    <r>
      <rPr>
        <u/>
        <sz val="10.5"/>
        <color theme="1"/>
        <rFont val="ＭＳ 明朝"/>
        <family val="1"/>
        <charset val="128"/>
      </rPr>
      <t>　　　　　　　　　　　　　　　　　　　　</t>
    </r>
    <phoneticPr fontId="3"/>
  </si>
  <si>
    <t>団体名（事業所名）　</t>
    <rPh sb="0" eb="2">
      <t>ダンタイ</t>
    </rPh>
    <rPh sb="2" eb="3">
      <t>メイ</t>
    </rPh>
    <rPh sb="4" eb="7">
      <t>ジギョウショ</t>
    </rPh>
    <rPh sb="7" eb="8">
      <t>メイ</t>
    </rPh>
    <phoneticPr fontId="8"/>
  </si>
  <si>
    <t>Ｃ</t>
    <phoneticPr fontId="3"/>
  </si>
  <si>
    <t>所在地　</t>
    <rPh sb="0" eb="3">
      <t>ショザイチ</t>
    </rPh>
    <phoneticPr fontId="9"/>
  </si>
  <si>
    <t>団体名　</t>
    <rPh sb="0" eb="2">
      <t>ダンタイ</t>
    </rPh>
    <rPh sb="2" eb="3">
      <t>メイ</t>
    </rPh>
    <phoneticPr fontId="9"/>
  </si>
  <si>
    <t>代表者名　</t>
    <rPh sb="0" eb="3">
      <t>ダイヒョウシャ</t>
    </rPh>
    <rPh sb="3" eb="4">
      <t>メイ</t>
    </rPh>
    <phoneticPr fontId="9"/>
  </si>
  <si>
    <t>令和　年　月　日</t>
    <rPh sb="5" eb="6">
      <t>ガツ</t>
    </rPh>
    <rPh sb="7" eb="8">
      <t>ニチ</t>
    </rPh>
    <phoneticPr fontId="9"/>
  </si>
  <si>
    <t>※Ａ、Ｂ、Ｄ、Ｅに金額を入力してください（円は不要）。Ｃ、Ｆ、Ｇ、Ｉは自動計算されます。Ｉは1,000円未満切り捨てです。</t>
    <rPh sb="9" eb="11">
      <t>キンガク</t>
    </rPh>
    <rPh sb="12" eb="14">
      <t>ニュウリョク</t>
    </rPh>
    <rPh sb="21" eb="22">
      <t>エン</t>
    </rPh>
    <rPh sb="23" eb="25">
      <t>フヨウ</t>
    </rPh>
    <rPh sb="35" eb="37">
      <t>ジドウ</t>
    </rPh>
    <rPh sb="37" eb="39">
      <t>ケイサン</t>
    </rPh>
    <rPh sb="51" eb="52">
      <t>エン</t>
    </rPh>
    <rPh sb="52" eb="54">
      <t>ミマン</t>
    </rPh>
    <rPh sb="54" eb="55">
      <t>キ</t>
    </rPh>
    <rPh sb="56" eb="57">
      <t>ス</t>
    </rPh>
    <phoneticPr fontId="3"/>
  </si>
  <si>
    <t>口座振込申出書</t>
    <rPh sb="0" eb="2">
      <t>コウザ</t>
    </rPh>
    <rPh sb="2" eb="4">
      <t>フリコ</t>
    </rPh>
    <rPh sb="4" eb="7">
      <t>モウシデショ</t>
    </rPh>
    <phoneticPr fontId="9"/>
  </si>
  <si>
    <t>金融機関名</t>
    <rPh sb="0" eb="2">
      <t>キンユウ</t>
    </rPh>
    <rPh sb="2" eb="4">
      <t>キカン</t>
    </rPh>
    <rPh sb="4" eb="5">
      <t>メイ</t>
    </rPh>
    <phoneticPr fontId="9"/>
  </si>
  <si>
    <t>銀行・信用金庫・信用組合</t>
    <rPh sb="0" eb="2">
      <t>ギンコウ</t>
    </rPh>
    <rPh sb="3" eb="5">
      <t>シンヨウ</t>
    </rPh>
    <rPh sb="5" eb="7">
      <t>キンコ</t>
    </rPh>
    <rPh sb="8" eb="10">
      <t>シンヨウ</t>
    </rPh>
    <rPh sb="10" eb="12">
      <t>クミアイ</t>
    </rPh>
    <phoneticPr fontId="9"/>
  </si>
  <si>
    <t>本店・支店</t>
    <rPh sb="0" eb="2">
      <t>ホンテン</t>
    </rPh>
    <rPh sb="3" eb="5">
      <t>シテン</t>
    </rPh>
    <phoneticPr fontId="9"/>
  </si>
  <si>
    <t>口座種類</t>
    <rPh sb="0" eb="2">
      <t>コウザ</t>
    </rPh>
    <rPh sb="2" eb="4">
      <t>シュルイ</t>
    </rPh>
    <phoneticPr fontId="9"/>
  </si>
  <si>
    <t>普通　・　当座</t>
    <rPh sb="0" eb="2">
      <t>フツウ</t>
    </rPh>
    <rPh sb="5" eb="7">
      <t>トウザ</t>
    </rPh>
    <phoneticPr fontId="9"/>
  </si>
  <si>
    <t>口座番号</t>
    <rPh sb="0" eb="2">
      <t>コウザ</t>
    </rPh>
    <rPh sb="2" eb="4">
      <t>バンゴウ</t>
    </rPh>
    <phoneticPr fontId="9"/>
  </si>
  <si>
    <t>フリガナ</t>
    <phoneticPr fontId="9"/>
  </si>
  <si>
    <t>口座名義人</t>
    <rPh sb="0" eb="2">
      <t>コウザ</t>
    </rPh>
    <rPh sb="2" eb="5">
      <t>メイギニン</t>
    </rPh>
    <phoneticPr fontId="9"/>
  </si>
  <si>
    <t>※金融機関名や口座種類では、該当種別を選択してください。</t>
    <rPh sb="1" eb="3">
      <t>キンユウ</t>
    </rPh>
    <rPh sb="3" eb="5">
      <t>キカン</t>
    </rPh>
    <rPh sb="5" eb="6">
      <t>メイ</t>
    </rPh>
    <rPh sb="7" eb="9">
      <t>コウザ</t>
    </rPh>
    <rPh sb="9" eb="11">
      <t>シュルイ</t>
    </rPh>
    <rPh sb="14" eb="16">
      <t>ガイトウ</t>
    </rPh>
    <rPh sb="16" eb="18">
      <t>シュベツ</t>
    </rPh>
    <rPh sb="19" eb="21">
      <t>センタク</t>
    </rPh>
    <phoneticPr fontId="9"/>
  </si>
  <si>
    <t>神奈川県知事　殿</t>
    <rPh sb="0" eb="4">
      <t>カナガワケン</t>
    </rPh>
    <rPh sb="4" eb="6">
      <t>チジ</t>
    </rPh>
    <rPh sb="7" eb="8">
      <t>ドノ</t>
    </rPh>
    <phoneticPr fontId="9"/>
  </si>
  <si>
    <t>郵便番号</t>
    <rPh sb="0" eb="2">
      <t>ユウビン</t>
    </rPh>
    <rPh sb="2" eb="4">
      <t>バンゴウ</t>
    </rPh>
    <phoneticPr fontId="9"/>
  </si>
  <si>
    <t>住所</t>
    <rPh sb="0" eb="2">
      <t>ジュウショ</t>
    </rPh>
    <phoneticPr fontId="9"/>
  </si>
  <si>
    <t>法人名</t>
    <rPh sb="0" eb="2">
      <t>ホウジン</t>
    </rPh>
    <rPh sb="2" eb="3">
      <t>メイ</t>
    </rPh>
    <phoneticPr fontId="9"/>
  </si>
  <si>
    <t>代表者の職名及び氏名</t>
    <rPh sb="0" eb="3">
      <t>ダイヒョウシャ</t>
    </rPh>
    <rPh sb="4" eb="5">
      <t>ショク</t>
    </rPh>
    <rPh sb="5" eb="6">
      <t>メイ</t>
    </rPh>
    <rPh sb="6" eb="7">
      <t>オヨ</t>
    </rPh>
    <rPh sb="8" eb="10">
      <t>シメイ</t>
    </rPh>
    <phoneticPr fontId="9"/>
  </si>
  <si>
    <t>令和　　年　　月　　日</t>
    <rPh sb="0" eb="2">
      <t>レイワ</t>
    </rPh>
    <rPh sb="4" eb="5">
      <t>ネン</t>
    </rPh>
    <rPh sb="7" eb="8">
      <t>ガツ</t>
    </rPh>
    <rPh sb="10" eb="11">
      <t>ニチ</t>
    </rPh>
    <phoneticPr fontId="9"/>
  </si>
  <si>
    <t>○○</t>
    <phoneticPr fontId="9"/>
  </si>
  <si>
    <t>銀行</t>
    <rPh sb="0" eb="2">
      <t>ギンコウ</t>
    </rPh>
    <phoneticPr fontId="9"/>
  </si>
  <si>
    <t>○○駅前</t>
    <rPh sb="2" eb="4">
      <t>エキマエ</t>
    </rPh>
    <phoneticPr fontId="9"/>
  </si>
  <si>
    <t>支店</t>
    <rPh sb="0" eb="2">
      <t>シテン</t>
    </rPh>
    <phoneticPr fontId="9"/>
  </si>
  <si>
    <t>普通</t>
    <rPh sb="0" eb="2">
      <t>フツウ</t>
    </rPh>
    <phoneticPr fontId="9"/>
  </si>
  <si>
    <t>1</t>
    <phoneticPr fontId="9"/>
  </si>
  <si>
    <t>2</t>
    <phoneticPr fontId="9"/>
  </si>
  <si>
    <t>3</t>
    <phoneticPr fontId="9"/>
  </si>
  <si>
    <t>4</t>
    <phoneticPr fontId="9"/>
  </si>
  <si>
    <t>5</t>
    <phoneticPr fontId="9"/>
  </si>
  <si>
    <t>6</t>
    <phoneticPr fontId="9"/>
  </si>
  <si>
    <t>7</t>
    <phoneticPr fontId="9"/>
  </si>
  <si>
    <t>フリガナ</t>
    <phoneticPr fontId="9"/>
  </si>
  <si>
    <t>イリョウホウジンマルマルカイ　マルヤママルミ</t>
    <phoneticPr fontId="9"/>
  </si>
  <si>
    <t>医療法人○○会　○山 ○美</t>
    <phoneticPr fontId="9"/>
  </si>
  <si>
    <t>000-0000</t>
    <phoneticPr fontId="9"/>
  </si>
  <si>
    <t>会長　神奈川　太郎</t>
    <rPh sb="0" eb="2">
      <t>カイチョウ</t>
    </rPh>
    <phoneticPr fontId="9"/>
  </si>
  <si>
    <r>
      <t>代表者名　　</t>
    </r>
    <r>
      <rPr>
        <sz val="12"/>
        <color rgb="FFFF0000"/>
        <rFont val="ＭＳ 明朝"/>
        <family val="1"/>
        <charset val="128"/>
      </rPr>
      <t>会長　神奈川　太郎</t>
    </r>
    <rPh sb="0" eb="3">
      <t>ダイヒョウシャ</t>
    </rPh>
    <rPh sb="3" eb="4">
      <t>メイ</t>
    </rPh>
    <rPh sb="6" eb="8">
      <t>カイチョウ</t>
    </rPh>
    <rPh sb="9" eb="12">
      <t>カナガワ</t>
    </rPh>
    <rPh sb="13" eb="15">
      <t>タロウ</t>
    </rPh>
    <phoneticPr fontId="9"/>
  </si>
  <si>
    <t>補助率</t>
    <phoneticPr fontId="8"/>
  </si>
  <si>
    <t>基準額</t>
    <rPh sb="0" eb="2">
      <t>キジュン</t>
    </rPh>
    <rPh sb="2" eb="3">
      <t>ガク</t>
    </rPh>
    <phoneticPr fontId="8"/>
  </si>
  <si>
    <t>対象経費の
支出予定額</t>
    <rPh sb="0" eb="2">
      <t>タイショウ</t>
    </rPh>
    <rPh sb="1" eb="2">
      <t>ゾウ</t>
    </rPh>
    <rPh sb="2" eb="3">
      <t>タイショウ</t>
    </rPh>
    <rPh sb="8" eb="10">
      <t>ヨテイ</t>
    </rPh>
    <phoneticPr fontId="8"/>
  </si>
  <si>
    <t>分野</t>
    <rPh sb="0" eb="2">
      <t>ブンヤ</t>
    </rPh>
    <phoneticPr fontId="3"/>
  </si>
  <si>
    <t>機器No</t>
    <rPh sb="0" eb="2">
      <t>キキ</t>
    </rPh>
    <phoneticPr fontId="8"/>
  </si>
  <si>
    <t>導入機器</t>
    <rPh sb="0" eb="2">
      <t>ドウニュウ</t>
    </rPh>
    <rPh sb="2" eb="4">
      <t>キキ</t>
    </rPh>
    <phoneticPr fontId="8"/>
  </si>
  <si>
    <t>差引
事業費
（Ａ－Ｂ）</t>
    <phoneticPr fontId="3"/>
  </si>
  <si>
    <t>Ｆ</t>
    <phoneticPr fontId="8"/>
  </si>
  <si>
    <t>選定額
（ＤとＥの
少ない方の額）</t>
    <rPh sb="0" eb="2">
      <t>センテイ</t>
    </rPh>
    <rPh sb="2" eb="3">
      <t>ガク</t>
    </rPh>
    <rPh sb="10" eb="11">
      <t>スク</t>
    </rPh>
    <rPh sb="13" eb="14">
      <t>ホウ</t>
    </rPh>
    <rPh sb="15" eb="16">
      <t>ガク</t>
    </rPh>
    <phoneticPr fontId="8"/>
  </si>
  <si>
    <t>1/2</t>
    <phoneticPr fontId="3"/>
  </si>
  <si>
    <t>移乗介助（装着型・非装着型）</t>
    <rPh sb="0" eb="4">
      <t>イジョウカイジョ</t>
    </rPh>
    <rPh sb="5" eb="8">
      <t>ソウチャクガタ</t>
    </rPh>
    <rPh sb="9" eb="13">
      <t>ヒソウチャクガタ</t>
    </rPh>
    <phoneticPr fontId="32"/>
  </si>
  <si>
    <t>移動支援</t>
    <rPh sb="0" eb="2">
      <t>イドウ</t>
    </rPh>
    <rPh sb="2" eb="4">
      <t>シエン</t>
    </rPh>
    <phoneticPr fontId="32"/>
  </si>
  <si>
    <t>排泄支援</t>
    <rPh sb="0" eb="2">
      <t>ハイセツ</t>
    </rPh>
    <rPh sb="2" eb="4">
      <t>シエン</t>
    </rPh>
    <phoneticPr fontId="32"/>
  </si>
  <si>
    <t>見守り・コミュニケーション</t>
    <rPh sb="0" eb="2">
      <t>ミマモ</t>
    </rPh>
    <phoneticPr fontId="32"/>
  </si>
  <si>
    <t>入浴支援</t>
    <rPh sb="0" eb="2">
      <t>ニュウヨク</t>
    </rPh>
    <rPh sb="2" eb="4">
      <t>シエン</t>
    </rPh>
    <phoneticPr fontId="32"/>
  </si>
  <si>
    <t>I</t>
    <phoneticPr fontId="8"/>
  </si>
  <si>
    <t>団体名（病院名）　</t>
    <rPh sb="0" eb="2">
      <t>ダンタイ</t>
    </rPh>
    <rPh sb="2" eb="3">
      <t>メイ</t>
    </rPh>
    <rPh sb="4" eb="6">
      <t>ビョウイン</t>
    </rPh>
    <rPh sb="6" eb="7">
      <t>メイ</t>
    </rPh>
    <phoneticPr fontId="8"/>
  </si>
  <si>
    <t>【様式１】の「法人（団体）名」及び病院名</t>
    <rPh sb="1" eb="3">
      <t>ヨウシキ</t>
    </rPh>
    <rPh sb="7" eb="9">
      <t>ホウジン</t>
    </rPh>
    <rPh sb="10" eb="12">
      <t>ダンタイ</t>
    </rPh>
    <rPh sb="13" eb="14">
      <t>メイ</t>
    </rPh>
    <rPh sb="15" eb="16">
      <t>オヨ</t>
    </rPh>
    <rPh sb="17" eb="20">
      <t>ビョウインメイ</t>
    </rPh>
    <phoneticPr fontId="3"/>
  </si>
  <si>
    <t>1/2</t>
    <phoneticPr fontId="3"/>
  </si>
  <si>
    <t>腰補助用マッスルスーツ
１台</t>
    <rPh sb="0" eb="1">
      <t>コシ</t>
    </rPh>
    <rPh sb="1" eb="4">
      <t>ホジョヨウ</t>
    </rPh>
    <rPh sb="13" eb="14">
      <t>ダイ</t>
    </rPh>
    <phoneticPr fontId="3"/>
  </si>
  <si>
    <t>事業の着手日</t>
    <rPh sb="0" eb="2">
      <t>ジギョウ</t>
    </rPh>
    <rPh sb="3" eb="5">
      <t>チャクシュ</t>
    </rPh>
    <rPh sb="5" eb="6">
      <t>ビ</t>
    </rPh>
    <phoneticPr fontId="3"/>
  </si>
  <si>
    <t>事業の完了日</t>
    <rPh sb="0" eb="2">
      <t>ジギョウ</t>
    </rPh>
    <rPh sb="3" eb="6">
      <t>カンリョウビ</t>
    </rPh>
    <phoneticPr fontId="3"/>
  </si>
  <si>
    <t>交付決定日以降</t>
    <rPh sb="0" eb="4">
      <t>コウフケッテイ</t>
    </rPh>
    <rPh sb="4" eb="5">
      <t>ビ</t>
    </rPh>
    <rPh sb="5" eb="7">
      <t>イコウ</t>
    </rPh>
    <phoneticPr fontId="3"/>
  </si>
  <si>
    <t>目標</t>
    <rPh sb="0" eb="2">
      <t>モクヒョウ</t>
    </rPh>
    <phoneticPr fontId="3"/>
  </si>
  <si>
    <t>導入すべき機器</t>
    <rPh sb="0" eb="2">
      <t>ドウニュウ</t>
    </rPh>
    <rPh sb="5" eb="7">
      <t>キキ</t>
    </rPh>
    <phoneticPr fontId="3"/>
  </si>
  <si>
    <t>期待される効果</t>
    <rPh sb="0" eb="2">
      <t>キタイ</t>
    </rPh>
    <rPh sb="5" eb="7">
      <t>コウカ</t>
    </rPh>
    <phoneticPr fontId="3"/>
  </si>
  <si>
    <t>見守り機器□□
（機器の特徴等を記載し、「上記　目標」にどう役立つのかを記載する）</t>
    <phoneticPr fontId="3"/>
  </si>
  <si>
    <t>見守り機器□□を導入することで、人員体制を効率的に運用することができるようになり、看護職員の負担軽減が期待できる。また、看護職員の負担軽減に資する取組を積極的に実施することで離職率の向上につながる。</t>
    <rPh sb="41" eb="43">
      <t>カンゴ</t>
    </rPh>
    <rPh sb="60" eb="62">
      <t>カンゴ</t>
    </rPh>
    <phoneticPr fontId="3"/>
  </si>
  <si>
    <t>看護職員の残業時間を○○％削減する。
【現状】
平均○時間/月
【目標】
平均○時間/月
（機器を導入することで達成すべき目標を記載する。数値で測れるものが望ましいが、困難な場合はその限りではない。）</t>
    <rPh sb="0" eb="2">
      <t>カンゴ</t>
    </rPh>
    <rPh sb="2" eb="4">
      <t>ショクイン</t>
    </rPh>
    <rPh sb="5" eb="7">
      <t>ザンギョウ</t>
    </rPh>
    <rPh sb="7" eb="9">
      <t>ジカン</t>
    </rPh>
    <rPh sb="13" eb="15">
      <t>サクゲン</t>
    </rPh>
    <rPh sb="20" eb="22">
      <t>ゲンジョウ</t>
    </rPh>
    <rPh sb="24" eb="26">
      <t>ヘイキン</t>
    </rPh>
    <rPh sb="27" eb="29">
      <t>ジカン</t>
    </rPh>
    <rPh sb="30" eb="31">
      <t>ツキ</t>
    </rPh>
    <rPh sb="33" eb="35">
      <t>モクヒョウ</t>
    </rPh>
    <rPh sb="37" eb="39">
      <t>ヘイキン</t>
    </rPh>
    <rPh sb="40" eb="42">
      <t>ジカン</t>
    </rPh>
    <rPh sb="43" eb="44">
      <t>ツキ</t>
    </rPh>
    <rPh sb="46" eb="48">
      <t>キキ</t>
    </rPh>
    <rPh sb="49" eb="51">
      <t>ドウニュウ</t>
    </rPh>
    <rPh sb="56" eb="58">
      <t>タッセイ</t>
    </rPh>
    <rPh sb="61" eb="63">
      <t>モクヒョウ</t>
    </rPh>
    <rPh sb="64" eb="66">
      <t>キサイ</t>
    </rPh>
    <rPh sb="69" eb="71">
      <t>スウチ</t>
    </rPh>
    <rPh sb="72" eb="73">
      <t>ハカ</t>
    </rPh>
    <rPh sb="78" eb="79">
      <t>ノゾ</t>
    </rPh>
    <rPh sb="84" eb="86">
      <t>コンナン</t>
    </rPh>
    <rPh sb="87" eb="89">
      <t>バアイ</t>
    </rPh>
    <rPh sb="92" eb="93">
      <t>カギ</t>
    </rPh>
    <phoneticPr fontId="3"/>
  </si>
  <si>
    <t>看護業務等アシスト機器導入支援事業費補助</t>
    <rPh sb="0" eb="2">
      <t>カンゴ</t>
    </rPh>
    <rPh sb="2" eb="4">
      <t>ギョウム</t>
    </rPh>
    <rPh sb="4" eb="5">
      <t>トウ</t>
    </rPh>
    <rPh sb="9" eb="11">
      <t>キキ</t>
    </rPh>
    <rPh sb="11" eb="13">
      <t>ドウニュウ</t>
    </rPh>
    <rPh sb="13" eb="15">
      <t>シエン</t>
    </rPh>
    <rPh sb="15" eb="17">
      <t>ジギョウ</t>
    </rPh>
    <rPh sb="17" eb="18">
      <t>ヒ</t>
    </rPh>
    <rPh sb="18" eb="20">
      <t>ホジョ</t>
    </rPh>
    <phoneticPr fontId="11"/>
  </si>
  <si>
    <t>備品購入費</t>
    <rPh sb="0" eb="2">
      <t>ビヒン</t>
    </rPh>
    <rPh sb="2" eb="4">
      <t>コウニュウ</t>
    </rPh>
    <rPh sb="4" eb="5">
      <t>ヒ</t>
    </rPh>
    <phoneticPr fontId="3"/>
  </si>
  <si>
    <t>賃借料</t>
    <rPh sb="0" eb="3">
      <t>チンシャクリョウ</t>
    </rPh>
    <phoneticPr fontId="3"/>
  </si>
  <si>
    <t>需用費</t>
    <rPh sb="0" eb="3">
      <t>ジュヨウヒ</t>
    </rPh>
    <phoneticPr fontId="3"/>
  </si>
  <si>
    <t>役務費</t>
    <rPh sb="0" eb="3">
      <t>エキムヒ</t>
    </rPh>
    <phoneticPr fontId="3"/>
  </si>
  <si>
    <t>令和○年○月○日</t>
    <rPh sb="5" eb="6">
      <t>ガツ</t>
    </rPh>
    <rPh sb="7" eb="8">
      <t>ニチ</t>
    </rPh>
    <phoneticPr fontId="9"/>
  </si>
  <si>
    <r>
      <t>団体名　　　</t>
    </r>
    <r>
      <rPr>
        <sz val="12"/>
        <color rgb="FFFF0000"/>
        <rFont val="ＭＳ 明朝"/>
        <family val="1"/>
        <charset val="128"/>
      </rPr>
      <t>○○病院</t>
    </r>
    <rPh sb="0" eb="2">
      <t>ダンタイ</t>
    </rPh>
    <rPh sb="2" eb="3">
      <t>メイ</t>
    </rPh>
    <rPh sb="8" eb="10">
      <t>ビョウイン</t>
    </rPh>
    <phoneticPr fontId="9"/>
  </si>
  <si>
    <r>
      <t>所在地　　　</t>
    </r>
    <r>
      <rPr>
        <sz val="12"/>
        <color rgb="FFFF0000"/>
        <rFont val="ＭＳ 明朝"/>
        <family val="1"/>
        <charset val="128"/>
      </rPr>
      <t>○○市○○町○丁目○番○号</t>
    </r>
    <rPh sb="0" eb="3">
      <t>ショザイチ</t>
    </rPh>
    <rPh sb="8" eb="9">
      <t>シ</t>
    </rPh>
    <rPh sb="11" eb="12">
      <t>チョウ</t>
    </rPh>
    <rPh sb="13" eb="14">
      <t>チョウ</t>
    </rPh>
    <rPh sb="14" eb="15">
      <t>メ</t>
    </rPh>
    <rPh sb="16" eb="17">
      <t>バン</t>
    </rPh>
    <rPh sb="18" eb="19">
      <t>ゴウ</t>
    </rPh>
    <phoneticPr fontId="9"/>
  </si>
  <si>
    <t>○○病院</t>
    <rPh sb="2" eb="4">
      <t>ビョウイン</t>
    </rPh>
    <phoneticPr fontId="3"/>
  </si>
  <si>
    <t>○○市○○町○丁目○番○号</t>
    <phoneticPr fontId="9"/>
  </si>
  <si>
    <t>（別紙１）</t>
    <rPh sb="1" eb="3">
      <t>ベッシ</t>
    </rPh>
    <phoneticPr fontId="3"/>
  </si>
  <si>
    <t>（別紙２）</t>
    <rPh sb="1" eb="3">
      <t>ベッシ</t>
    </rPh>
    <phoneticPr fontId="3"/>
  </si>
  <si>
    <t>事業着手届の提出有無</t>
    <rPh sb="0" eb="2">
      <t>ジギョウ</t>
    </rPh>
    <rPh sb="2" eb="4">
      <t>チャクシュ</t>
    </rPh>
    <rPh sb="4" eb="5">
      <t>トドケ</t>
    </rPh>
    <rPh sb="6" eb="8">
      <t>テイシュツ</t>
    </rPh>
    <rPh sb="8" eb="10">
      <t>ウム</t>
    </rPh>
    <phoneticPr fontId="3"/>
  </si>
  <si>
    <t>事前着手届日</t>
    <rPh sb="0" eb="2">
      <t>ジゼン</t>
    </rPh>
    <rPh sb="2" eb="4">
      <t>チャクシュ</t>
    </rPh>
    <rPh sb="4" eb="5">
      <t>トドケ</t>
    </rPh>
    <rPh sb="5" eb="6">
      <t>ビ</t>
    </rPh>
    <phoneticPr fontId="3"/>
  </si>
  <si>
    <t>令和７年度　看護業務等アシスト機器導入支援事業費補助　事業計画書</t>
    <rPh sb="3" eb="5">
      <t>ネンド</t>
    </rPh>
    <rPh sb="6" eb="8">
      <t>カンゴ</t>
    </rPh>
    <rPh sb="8" eb="10">
      <t>ギョウム</t>
    </rPh>
    <rPh sb="10" eb="11">
      <t>トウ</t>
    </rPh>
    <rPh sb="15" eb="17">
      <t>キキ</t>
    </rPh>
    <rPh sb="17" eb="19">
      <t>ドウニュウ</t>
    </rPh>
    <rPh sb="19" eb="21">
      <t>シエン</t>
    </rPh>
    <rPh sb="21" eb="23">
      <t>ジギョウ</t>
    </rPh>
    <rPh sb="23" eb="24">
      <t>ヒ</t>
    </rPh>
    <rPh sb="24" eb="26">
      <t>ホジョ</t>
    </rPh>
    <rPh sb="27" eb="29">
      <t>ジギョウ</t>
    </rPh>
    <phoneticPr fontId="9"/>
  </si>
  <si>
    <t>有</t>
    <rPh sb="0" eb="1">
      <t>アリ</t>
    </rPh>
    <phoneticPr fontId="3"/>
  </si>
  <si>
    <t>無</t>
    <rPh sb="0" eb="1">
      <t>ナ</t>
    </rPh>
    <phoneticPr fontId="3"/>
  </si>
  <si>
    <t>令和７年度 神奈川県地域医療介護総合確保基金事業費補助金 歳入・歳出予算書(抄本)</t>
    <rPh sb="6" eb="10">
      <t>カナガワケン</t>
    </rPh>
    <rPh sb="10" eb="12">
      <t>チイキ</t>
    </rPh>
    <rPh sb="12" eb="14">
      <t>イリョウ</t>
    </rPh>
    <rPh sb="14" eb="16">
      <t>カイゴ</t>
    </rPh>
    <rPh sb="16" eb="18">
      <t>ソウゴウ</t>
    </rPh>
    <rPh sb="18" eb="20">
      <t>カクホ</t>
    </rPh>
    <rPh sb="20" eb="22">
      <t>キキン</t>
    </rPh>
    <rPh sb="22" eb="25">
      <t>ジギョウヒ</t>
    </rPh>
    <rPh sb="25" eb="28">
      <t>ホジョキン</t>
    </rPh>
    <rPh sb="29" eb="31">
      <t>サイニュウ</t>
    </rPh>
    <rPh sb="32" eb="34">
      <t>サイシュツ</t>
    </rPh>
    <rPh sb="34" eb="37">
      <t>ヨサンショ</t>
    </rPh>
    <rPh sb="38" eb="40">
      <t>ショウホン</t>
    </rPh>
    <phoneticPr fontId="9"/>
  </si>
  <si>
    <t>令和７年○月○日</t>
    <rPh sb="3" eb="4">
      <t>ネン</t>
    </rPh>
    <rPh sb="5" eb="6">
      <t>ガツ</t>
    </rPh>
    <rPh sb="7" eb="8">
      <t>ニチ</t>
    </rPh>
    <phoneticPr fontId="9"/>
  </si>
  <si>
    <t>令和７年度　看護業務等アシスト機器導入支援事業費補助　所要額調書</t>
    <rPh sb="3" eb="5">
      <t>ネンド</t>
    </rPh>
    <rPh sb="6" eb="8">
      <t>カンゴ</t>
    </rPh>
    <rPh sb="8" eb="10">
      <t>ギョウム</t>
    </rPh>
    <rPh sb="10" eb="11">
      <t>トウ</t>
    </rPh>
    <rPh sb="15" eb="17">
      <t>キキ</t>
    </rPh>
    <rPh sb="17" eb="19">
      <t>ドウニュウ</t>
    </rPh>
    <rPh sb="19" eb="21">
      <t>シエン</t>
    </rPh>
    <rPh sb="21" eb="23">
      <t>ジギョウ</t>
    </rPh>
    <rPh sb="23" eb="24">
      <t>ヒ</t>
    </rPh>
    <rPh sb="24" eb="26">
      <t>ホジョ</t>
    </rPh>
    <rPh sb="27" eb="29">
      <t>ショヨウ</t>
    </rPh>
    <rPh sb="29" eb="30">
      <t>ガク</t>
    </rPh>
    <rPh sb="30" eb="32">
      <t>チョウショ</t>
    </rPh>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 &quot;円&quot;;\-#,##0"/>
    <numFmt numFmtId="177" formatCode="#,##0_ "/>
    <numFmt numFmtId="178" formatCode="[$-411]ggge&quot;年&quot;m&quot;月&quot;d&quot;日&quot;;@"/>
  </numFmts>
  <fonts count="33">
    <font>
      <sz val="12"/>
      <color theme="1"/>
      <name val="ＭＳ 明朝"/>
      <family val="2"/>
      <charset val="128"/>
    </font>
    <font>
      <sz val="12"/>
      <color theme="1"/>
      <name val="ＭＳ 明朝"/>
      <family val="1"/>
      <charset val="128"/>
    </font>
    <font>
      <sz val="10.5"/>
      <color theme="1"/>
      <name val="ＭＳ 明朝"/>
      <family val="1"/>
      <charset val="128"/>
    </font>
    <font>
      <sz val="6"/>
      <name val="ＭＳ 明朝"/>
      <family val="2"/>
      <charset val="128"/>
    </font>
    <font>
      <sz val="11"/>
      <name val="ＭＳ Ｐ明朝"/>
      <family val="1"/>
      <charset val="128"/>
    </font>
    <font>
      <sz val="16"/>
      <name val="ＭＳ 明朝"/>
      <family val="1"/>
      <charset val="128"/>
    </font>
    <font>
      <sz val="11"/>
      <name val="ＭＳ 明朝"/>
      <family val="1"/>
      <charset val="128"/>
    </font>
    <font>
      <sz val="12"/>
      <name val="ＭＳ 明朝"/>
      <family val="1"/>
      <charset val="128"/>
    </font>
    <font>
      <sz val="6"/>
      <name val="ＭＳ Ｐゴシック"/>
      <family val="3"/>
      <charset val="128"/>
    </font>
    <font>
      <sz val="6"/>
      <name val="ＭＳ 明朝"/>
      <family val="1"/>
      <charset val="128"/>
    </font>
    <font>
      <sz val="11"/>
      <color theme="1"/>
      <name val="ＭＳ Ｐゴシック"/>
      <family val="2"/>
      <charset val="128"/>
      <scheme val="minor"/>
    </font>
    <font>
      <sz val="6"/>
      <name val="ＭＳ Ｐゴシック"/>
      <family val="2"/>
      <charset val="128"/>
      <scheme val="minor"/>
    </font>
    <font>
      <sz val="11"/>
      <color theme="1"/>
      <name val="ＭＳ 明朝"/>
      <family val="1"/>
      <charset val="128"/>
    </font>
    <font>
      <sz val="11"/>
      <name val="ＭＳ Ｐゴシック"/>
      <family val="3"/>
      <charset val="128"/>
    </font>
    <font>
      <sz val="10"/>
      <name val="ＭＳ 明朝"/>
      <family val="1"/>
      <charset val="128"/>
    </font>
    <font>
      <sz val="14"/>
      <color indexed="8"/>
      <name val="ＭＳ ゴシック"/>
      <family val="3"/>
      <charset val="128"/>
    </font>
    <font>
      <sz val="12"/>
      <name val="ＭＳ ゴシック"/>
      <family val="3"/>
      <charset val="128"/>
    </font>
    <font>
      <sz val="10.5"/>
      <color theme="1"/>
      <name val="Century"/>
      <family val="1"/>
    </font>
    <font>
      <b/>
      <sz val="10"/>
      <color theme="1"/>
      <name val="ＭＳ 明朝"/>
      <family val="1"/>
      <charset val="128"/>
    </font>
    <font>
      <b/>
      <sz val="16"/>
      <color theme="1"/>
      <name val="ＭＳ 明朝"/>
      <family val="1"/>
      <charset val="128"/>
    </font>
    <font>
      <sz val="9"/>
      <color theme="1"/>
      <name val="ＭＳ 明朝"/>
      <family val="1"/>
      <charset val="128"/>
    </font>
    <font>
      <sz val="10.5"/>
      <color rgb="FF000000"/>
      <name val="Century"/>
      <family val="1"/>
    </font>
    <font>
      <sz val="10"/>
      <color rgb="FFFF0000"/>
      <name val="ＭＳ 明朝"/>
      <family val="1"/>
      <charset val="128"/>
    </font>
    <font>
      <u/>
      <sz val="10.5"/>
      <color theme="1"/>
      <name val="ＭＳ 明朝"/>
      <family val="1"/>
      <charset val="128"/>
    </font>
    <font>
      <sz val="9"/>
      <color rgb="FFFF0000"/>
      <name val="ＭＳ 明朝"/>
      <family val="1"/>
      <charset val="128"/>
    </font>
    <font>
      <sz val="10"/>
      <color theme="1"/>
      <name val="ＭＳ 明朝"/>
      <family val="1"/>
      <charset val="128"/>
    </font>
    <font>
      <sz val="12"/>
      <color rgb="FFFF0000"/>
      <name val="ＭＳ 明朝"/>
      <family val="1"/>
      <charset val="128"/>
    </font>
    <font>
      <sz val="12"/>
      <name val="HG丸ｺﾞｼｯｸM-PRO"/>
      <family val="3"/>
      <charset val="128"/>
    </font>
    <font>
      <sz val="14"/>
      <color rgb="FFFF0000"/>
      <name val="HG丸ｺﾞｼｯｸM-PRO"/>
      <family val="3"/>
      <charset val="128"/>
    </font>
    <font>
      <sz val="11"/>
      <color rgb="FFFF0000"/>
      <name val="ＭＳ 明朝"/>
      <family val="1"/>
      <charset val="128"/>
    </font>
    <font>
      <sz val="12"/>
      <color rgb="FFFF0000"/>
      <name val="HG丸ｺﾞｼｯｸM-PRO"/>
      <family val="3"/>
      <charset val="128"/>
    </font>
    <font>
      <sz val="11"/>
      <color rgb="FFFF0000"/>
      <name val="HG丸ｺﾞｼｯｸM-PRO"/>
      <family val="3"/>
      <charset val="128"/>
    </font>
    <font>
      <sz val="6"/>
      <name val="ＭＳ Ｐゴシック"/>
      <family val="3"/>
      <charset val="128"/>
      <scheme val="minor"/>
    </font>
  </fonts>
  <fills count="6">
    <fill>
      <patternFill patternType="none"/>
    </fill>
    <fill>
      <patternFill patternType="gray125"/>
    </fill>
    <fill>
      <patternFill patternType="solid">
        <fgColor rgb="FFCCFFFF"/>
        <bgColor indexed="64"/>
      </patternFill>
    </fill>
    <fill>
      <patternFill patternType="solid">
        <fgColor rgb="FFFFCCFF"/>
        <bgColor indexed="64"/>
      </patternFill>
    </fill>
    <fill>
      <patternFill patternType="solid">
        <fgColor rgb="FFFFFFCC"/>
        <bgColor indexed="64"/>
      </patternFill>
    </fill>
    <fill>
      <patternFill patternType="solid">
        <fgColor rgb="FFCCFFCC"/>
        <bgColor indexed="64"/>
      </patternFill>
    </fill>
  </fills>
  <borders count="3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style="thin">
        <color indexed="64"/>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diagonal/>
    </border>
    <border>
      <left style="thin">
        <color indexed="64"/>
      </left>
      <right style="medium">
        <color indexed="64"/>
      </right>
      <top/>
      <bottom/>
      <diagonal/>
    </border>
    <border>
      <left style="medium">
        <color indexed="64"/>
      </left>
      <right style="medium">
        <color indexed="64"/>
      </right>
      <top/>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right/>
      <top style="hair">
        <color indexed="64"/>
      </top>
      <bottom style="thin">
        <color indexed="64"/>
      </bottom>
      <diagonal/>
    </border>
    <border>
      <left style="medium">
        <color indexed="64"/>
      </left>
      <right style="medium">
        <color indexed="64"/>
      </right>
      <top style="hair">
        <color indexed="64"/>
      </top>
      <bottom style="thin">
        <color indexed="64"/>
      </bottom>
      <diagonal/>
    </border>
    <border>
      <left style="thin">
        <color indexed="64"/>
      </left>
      <right style="thin">
        <color indexed="64"/>
      </right>
      <top/>
      <bottom style="hair">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medium">
        <color indexed="64"/>
      </right>
      <top/>
      <bottom style="hair">
        <color indexed="64"/>
      </bottom>
      <diagonal/>
    </border>
    <border>
      <left style="thin">
        <color indexed="64"/>
      </left>
      <right style="thin">
        <color indexed="64"/>
      </right>
      <top style="hair">
        <color indexed="64"/>
      </top>
      <bottom/>
      <diagonal/>
    </border>
    <border>
      <left style="thin">
        <color indexed="64"/>
      </left>
      <right/>
      <top/>
      <bottom/>
      <diagonal/>
    </border>
  </borders>
  <cellStyleXfs count="8">
    <xf numFmtId="0" fontId="0" fillId="0" borderId="0">
      <alignment vertical="center"/>
    </xf>
    <xf numFmtId="0" fontId="4" fillId="0" borderId="0"/>
    <xf numFmtId="0" fontId="7" fillId="0" borderId="0">
      <alignment vertical="center"/>
    </xf>
    <xf numFmtId="0" fontId="10" fillId="0" borderId="0">
      <alignment vertical="center"/>
    </xf>
    <xf numFmtId="0" fontId="13" fillId="0" borderId="0"/>
    <xf numFmtId="38" fontId="7" fillId="0" borderId="0" applyFont="0" applyFill="0" applyBorder="0" applyAlignment="0" applyProtection="0">
      <alignment vertical="center"/>
    </xf>
    <xf numFmtId="0" fontId="7" fillId="0" borderId="0">
      <alignment vertical="center"/>
    </xf>
    <xf numFmtId="0" fontId="6" fillId="0" borderId="0">
      <alignment vertical="center"/>
    </xf>
  </cellStyleXfs>
  <cellXfs count="150">
    <xf numFmtId="0" fontId="0" fillId="0" borderId="0" xfId="0">
      <alignment vertical="center"/>
    </xf>
    <xf numFmtId="0" fontId="14" fillId="0" borderId="0" xfId="4" applyFont="1" applyAlignment="1">
      <alignment vertical="center"/>
    </xf>
    <xf numFmtId="0" fontId="16" fillId="0" borderId="0" xfId="2" applyFont="1">
      <alignment vertical="center"/>
    </xf>
    <xf numFmtId="0" fontId="14" fillId="0" borderId="3" xfId="4" applyFont="1" applyBorder="1"/>
    <xf numFmtId="0" fontId="14" fillId="0" borderId="3" xfId="4" applyFont="1" applyBorder="1" applyAlignment="1">
      <alignment vertical="center"/>
    </xf>
    <xf numFmtId="176" fontId="14" fillId="2" borderId="1" xfId="5" applyNumberFormat="1" applyFont="1" applyFill="1" applyBorder="1" applyAlignment="1">
      <alignment horizontal="right" vertical="center"/>
    </xf>
    <xf numFmtId="0" fontId="14" fillId="0" borderId="17" xfId="4" applyFont="1" applyBorder="1" applyAlignment="1">
      <alignment horizontal="center" vertical="center"/>
    </xf>
    <xf numFmtId="0" fontId="14" fillId="0" borderId="16" xfId="4" applyFont="1" applyBorder="1" applyAlignment="1">
      <alignment horizontal="center" vertical="center" wrapText="1"/>
    </xf>
    <xf numFmtId="176" fontId="14" fillId="3" borderId="6" xfId="5" applyNumberFormat="1" applyFont="1" applyFill="1" applyBorder="1" applyAlignment="1">
      <alignment horizontal="right" vertical="center"/>
    </xf>
    <xf numFmtId="0" fontId="14" fillId="0" borderId="0" xfId="4" applyFont="1" applyAlignment="1">
      <alignment horizontal="center" vertical="center"/>
    </xf>
    <xf numFmtId="0" fontId="0" fillId="0" borderId="0" xfId="0" applyAlignment="1">
      <alignment horizontal="center" vertical="center"/>
    </xf>
    <xf numFmtId="0" fontId="18" fillId="0" borderId="0" xfId="0" applyFont="1" applyAlignment="1">
      <alignment horizontal="center" vertical="center"/>
    </xf>
    <xf numFmtId="0" fontId="17" fillId="0" borderId="0" xfId="0" applyFont="1" applyAlignment="1">
      <alignment horizontal="center" vertical="center"/>
    </xf>
    <xf numFmtId="0" fontId="7" fillId="0" borderId="0" xfId="6">
      <alignment vertical="center"/>
    </xf>
    <xf numFmtId="0" fontId="7" fillId="0" borderId="0" xfId="6" applyAlignment="1">
      <alignment horizontal="right" vertical="center"/>
    </xf>
    <xf numFmtId="0" fontId="7" fillId="0" borderId="1" xfId="6" applyBorder="1" applyAlignment="1">
      <alignment horizontal="center" vertical="center"/>
    </xf>
    <xf numFmtId="0" fontId="7" fillId="0" borderId="8" xfId="6" applyBorder="1">
      <alignment vertical="center"/>
    </xf>
    <xf numFmtId="177" fontId="7" fillId="0" borderId="7" xfId="6" applyNumberFormat="1" applyBorder="1">
      <alignment vertical="center"/>
    </xf>
    <xf numFmtId="177" fontId="7" fillId="0" borderId="8" xfId="6" applyNumberFormat="1" applyBorder="1">
      <alignment vertical="center"/>
    </xf>
    <xf numFmtId="0" fontId="7" fillId="0" borderId="4" xfId="6" applyBorder="1">
      <alignment vertical="center"/>
    </xf>
    <xf numFmtId="177" fontId="7" fillId="0" borderId="4" xfId="6" applyNumberFormat="1" applyBorder="1">
      <alignment vertical="center"/>
    </xf>
    <xf numFmtId="177" fontId="7" fillId="0" borderId="1" xfId="6" applyNumberFormat="1" applyBorder="1">
      <alignment vertical="center"/>
    </xf>
    <xf numFmtId="177" fontId="7" fillId="0" borderId="1" xfId="6" applyNumberFormat="1" applyBorder="1" applyAlignment="1">
      <alignment horizontal="center" vertical="center"/>
    </xf>
    <xf numFmtId="0" fontId="1" fillId="0" borderId="0" xfId="6" applyFont="1">
      <alignment vertical="center"/>
    </xf>
    <xf numFmtId="0" fontId="7" fillId="0" borderId="0" xfId="6" applyAlignment="1">
      <alignment horizontal="center" vertical="center"/>
    </xf>
    <xf numFmtId="0" fontId="0" fillId="0" borderId="3" xfId="0" applyBorder="1">
      <alignment vertical="center"/>
    </xf>
    <xf numFmtId="0" fontId="19" fillId="0" borderId="0" xfId="0" applyFont="1" applyAlignment="1">
      <alignment horizontal="center" vertical="center"/>
    </xf>
    <xf numFmtId="0" fontId="14" fillId="0" borderId="0" xfId="4" applyFont="1" applyAlignment="1">
      <alignment horizontal="left" vertical="center"/>
    </xf>
    <xf numFmtId="0" fontId="14" fillId="4" borderId="17" xfId="4" applyFont="1" applyFill="1" applyBorder="1" applyAlignment="1">
      <alignment horizontal="center" vertical="center"/>
    </xf>
    <xf numFmtId="176" fontId="14" fillId="4" borderId="6" xfId="5" applyNumberFormat="1" applyFont="1" applyFill="1" applyBorder="1" applyAlignment="1">
      <alignment horizontal="right" vertical="center"/>
    </xf>
    <xf numFmtId="0" fontId="14" fillId="4" borderId="18" xfId="4" applyFont="1" applyFill="1" applyBorder="1" applyAlignment="1">
      <alignment horizontal="center" vertical="center" wrapText="1"/>
    </xf>
    <xf numFmtId="0" fontId="14" fillId="5" borderId="19" xfId="4" applyFont="1" applyFill="1" applyBorder="1" applyAlignment="1">
      <alignment horizontal="center" vertical="center" wrapText="1"/>
    </xf>
    <xf numFmtId="176" fontId="14" fillId="5" borderId="15" xfId="5" applyNumberFormat="1" applyFont="1" applyFill="1" applyBorder="1" applyAlignment="1">
      <alignment horizontal="right" vertical="center"/>
    </xf>
    <xf numFmtId="176" fontId="22" fillId="2" borderId="1" xfId="5" applyNumberFormat="1" applyFont="1" applyFill="1" applyBorder="1" applyAlignment="1">
      <alignment horizontal="right" vertical="center"/>
    </xf>
    <xf numFmtId="176" fontId="22" fillId="3" borderId="6" xfId="5" applyNumberFormat="1" applyFont="1" applyFill="1" applyBorder="1" applyAlignment="1">
      <alignment horizontal="right" vertical="center"/>
    </xf>
    <xf numFmtId="0" fontId="2" fillId="0" borderId="0" xfId="0" applyFont="1" applyAlignment="1">
      <alignment horizontal="left" vertical="center"/>
    </xf>
    <xf numFmtId="0" fontId="2" fillId="0" borderId="3" xfId="0" applyFont="1" applyBorder="1" applyAlignment="1">
      <alignment horizontal="left" vertical="center"/>
    </xf>
    <xf numFmtId="0" fontId="7" fillId="0" borderId="7" xfId="6" applyBorder="1">
      <alignment vertical="center"/>
    </xf>
    <xf numFmtId="0" fontId="7" fillId="0" borderId="0" xfId="6" applyFont="1">
      <alignment vertical="center"/>
    </xf>
    <xf numFmtId="0" fontId="26" fillId="0" borderId="0" xfId="6" applyFont="1">
      <alignment vertical="center"/>
    </xf>
    <xf numFmtId="177" fontId="26" fillId="0" borderId="7" xfId="6" applyNumberFormat="1" applyFont="1" applyBorder="1">
      <alignment vertical="center"/>
    </xf>
    <xf numFmtId="177" fontId="26" fillId="0" borderId="8" xfId="6" applyNumberFormat="1" applyFont="1" applyBorder="1">
      <alignment vertical="center"/>
    </xf>
    <xf numFmtId="177" fontId="26" fillId="0" borderId="4" xfId="6" applyNumberFormat="1" applyFont="1" applyBorder="1">
      <alignment vertical="center"/>
    </xf>
    <xf numFmtId="177" fontId="26" fillId="0" borderId="1" xfId="6" applyNumberFormat="1" applyFont="1" applyBorder="1">
      <alignment vertical="center"/>
    </xf>
    <xf numFmtId="0" fontId="26" fillId="0" borderId="0" xfId="6" applyFont="1" applyAlignment="1">
      <alignment horizontal="center" vertical="center"/>
    </xf>
    <xf numFmtId="0" fontId="6" fillId="0" borderId="0" xfId="7" applyAlignment="1">
      <alignment vertical="center"/>
    </xf>
    <xf numFmtId="0" fontId="6" fillId="0" borderId="0" xfId="7">
      <alignment vertical="center"/>
    </xf>
    <xf numFmtId="0" fontId="6" fillId="0" borderId="0" xfId="7" applyAlignment="1">
      <alignment horizontal="right" vertical="center"/>
    </xf>
    <xf numFmtId="0" fontId="6" fillId="0" borderId="4" xfId="7" applyBorder="1" applyAlignment="1">
      <alignment horizontal="distributed" vertical="center"/>
    </xf>
    <xf numFmtId="0" fontId="6" fillId="0" borderId="9" xfId="7" applyBorder="1" applyAlignment="1">
      <alignment horizontal="center" vertical="center"/>
    </xf>
    <xf numFmtId="49" fontId="6" fillId="0" borderId="21" xfId="7" applyNumberFormat="1" applyBorder="1" applyAlignment="1">
      <alignment horizontal="center" vertical="center"/>
    </xf>
    <xf numFmtId="49" fontId="6" fillId="0" borderId="22" xfId="7" applyNumberFormat="1" applyBorder="1" applyAlignment="1">
      <alignment horizontal="center" vertical="center"/>
    </xf>
    <xf numFmtId="0" fontId="6" fillId="0" borderId="23" xfId="7" applyBorder="1" applyAlignment="1">
      <alignment horizontal="distributed" vertical="center"/>
    </xf>
    <xf numFmtId="178" fontId="6" fillId="0" borderId="0" xfId="7" applyNumberFormat="1" applyAlignment="1">
      <alignment horizontal="left" vertical="center" indent="1"/>
    </xf>
    <xf numFmtId="0" fontId="6" fillId="0" borderId="0" xfId="7" applyBorder="1" applyAlignment="1">
      <alignment vertical="center"/>
    </xf>
    <xf numFmtId="0" fontId="6" fillId="0" borderId="0" xfId="7" applyBorder="1" applyAlignment="1">
      <alignment horizontal="right" vertical="center"/>
    </xf>
    <xf numFmtId="0" fontId="6" fillId="0" borderId="0" xfId="7" applyBorder="1">
      <alignment vertical="center"/>
    </xf>
    <xf numFmtId="0" fontId="5" fillId="0" borderId="0" xfId="7" applyFont="1" applyAlignment="1">
      <alignment horizontal="center" vertical="center"/>
    </xf>
    <xf numFmtId="0" fontId="6" fillId="0" borderId="2" xfId="7" applyBorder="1" applyAlignment="1">
      <alignment horizontal="center" vertical="center"/>
    </xf>
    <xf numFmtId="0" fontId="29" fillId="0" borderId="2" xfId="7" applyFont="1" applyBorder="1" applyAlignment="1">
      <alignment horizontal="center" vertical="center"/>
    </xf>
    <xf numFmtId="49" fontId="28" fillId="0" borderId="29" xfId="7" applyNumberFormat="1" applyFont="1" applyBorder="1" applyAlignment="1">
      <alignment horizontal="center" vertical="center"/>
    </xf>
    <xf numFmtId="49" fontId="28" fillId="0" borderId="21" xfId="7" applyNumberFormat="1" applyFont="1" applyBorder="1" applyAlignment="1">
      <alignment horizontal="center" vertical="center"/>
    </xf>
    <xf numFmtId="49" fontId="28" fillId="0" borderId="22" xfId="7" applyNumberFormat="1" applyFont="1" applyBorder="1" applyAlignment="1">
      <alignment horizontal="center" vertical="center"/>
    </xf>
    <xf numFmtId="0" fontId="14" fillId="0" borderId="0" xfId="4" applyFont="1" applyAlignment="1">
      <alignment horizontal="left" vertical="center"/>
    </xf>
    <xf numFmtId="0" fontId="18" fillId="0" borderId="0" xfId="0" applyFont="1" applyAlignment="1">
      <alignment horizontal="center" vertical="center"/>
    </xf>
    <xf numFmtId="0" fontId="19" fillId="0" borderId="0" xfId="0" applyFont="1" applyAlignment="1">
      <alignment horizontal="center" vertical="center"/>
    </xf>
    <xf numFmtId="49" fontId="14" fillId="0" borderId="14" xfId="5" quotePrefix="1" applyNumberFormat="1" applyFont="1" applyBorder="1" applyAlignment="1">
      <alignment horizontal="center" vertical="center"/>
    </xf>
    <xf numFmtId="0" fontId="25" fillId="0" borderId="0" xfId="0" applyFont="1" applyAlignment="1">
      <alignment vertical="center"/>
    </xf>
    <xf numFmtId="0" fontId="14" fillId="0" borderId="1" xfId="4" applyFont="1" applyBorder="1" applyAlignment="1">
      <alignment vertical="center" wrapText="1"/>
    </xf>
    <xf numFmtId="0" fontId="6" fillId="0" borderId="0" xfId="4" applyFont="1" applyAlignment="1">
      <alignment horizontal="center" vertical="center"/>
    </xf>
    <xf numFmtId="0" fontId="22" fillId="0" borderId="3" xfId="4" applyFont="1" applyBorder="1" applyAlignment="1">
      <alignment vertical="center"/>
    </xf>
    <xf numFmtId="0" fontId="22" fillId="0" borderId="1" xfId="4" applyFont="1" applyBorder="1" applyAlignment="1">
      <alignment vertical="center" wrapText="1"/>
    </xf>
    <xf numFmtId="0" fontId="18" fillId="0" borderId="0" xfId="0" applyFont="1" applyAlignment="1">
      <alignment vertical="center"/>
    </xf>
    <xf numFmtId="0" fontId="6" fillId="0" borderId="0" xfId="4" applyFont="1" applyAlignment="1">
      <alignment vertical="center"/>
    </xf>
    <xf numFmtId="0" fontId="12" fillId="0" borderId="0" xfId="0" applyFont="1" applyBorder="1" applyAlignment="1">
      <alignment horizontal="left" vertical="center"/>
    </xf>
    <xf numFmtId="0" fontId="0" fillId="0" borderId="0" xfId="0" applyBorder="1">
      <alignment vertical="center"/>
    </xf>
    <xf numFmtId="0" fontId="20" fillId="0" borderId="0" xfId="0" applyFont="1" applyBorder="1" applyAlignment="1">
      <alignment horizontal="center" vertical="center" wrapText="1"/>
    </xf>
    <xf numFmtId="0" fontId="0" fillId="0" borderId="0" xfId="0" applyBorder="1" applyAlignment="1">
      <alignment horizontal="center" vertical="center"/>
    </xf>
    <xf numFmtId="0" fontId="21" fillId="0" borderId="0" xfId="0" applyFont="1" applyBorder="1" applyAlignment="1">
      <alignment horizontal="center" vertical="center"/>
    </xf>
    <xf numFmtId="0" fontId="1" fillId="0" borderId="1" xfId="0" applyFont="1" applyBorder="1" applyAlignment="1">
      <alignment horizontal="center" vertical="center" wrapText="1"/>
    </xf>
    <xf numFmtId="0" fontId="14" fillId="0" borderId="6" xfId="4" applyFont="1" applyBorder="1" applyAlignment="1">
      <alignment vertical="center" wrapText="1"/>
    </xf>
    <xf numFmtId="0" fontId="14" fillId="0" borderId="31" xfId="4" applyFont="1" applyBorder="1" applyAlignment="1">
      <alignment horizontal="center" vertical="center"/>
    </xf>
    <xf numFmtId="0" fontId="14" fillId="0" borderId="1" xfId="4" applyFont="1" applyBorder="1" applyAlignment="1">
      <alignment vertical="center"/>
    </xf>
    <xf numFmtId="58" fontId="20" fillId="0" borderId="1" xfId="0" applyNumberFormat="1" applyFont="1" applyBorder="1" applyAlignment="1">
      <alignment horizontal="justify" vertical="center" wrapText="1"/>
    </xf>
    <xf numFmtId="0" fontId="15" fillId="0" borderId="0" xfId="2" applyFont="1" applyAlignment="1">
      <alignment horizontal="center" vertical="center"/>
    </xf>
    <xf numFmtId="0" fontId="14" fillId="4" borderId="7" xfId="4" applyFont="1" applyFill="1" applyBorder="1" applyAlignment="1">
      <alignment horizontal="center" vertical="center" wrapText="1"/>
    </xf>
    <xf numFmtId="0" fontId="14" fillId="4" borderId="8" xfId="4" applyFont="1" applyFill="1" applyBorder="1" applyAlignment="1">
      <alignment horizontal="center" vertical="center" wrapText="1"/>
    </xf>
    <xf numFmtId="0" fontId="14" fillId="4" borderId="20" xfId="4" applyFont="1" applyFill="1" applyBorder="1" applyAlignment="1">
      <alignment horizontal="center" vertical="center" wrapText="1"/>
    </xf>
    <xf numFmtId="0" fontId="14" fillId="0" borderId="7" xfId="4" applyFont="1" applyBorder="1" applyAlignment="1">
      <alignment horizontal="center" vertical="center" wrapText="1"/>
    </xf>
    <xf numFmtId="0" fontId="14" fillId="0" borderId="8" xfId="4" applyFont="1" applyBorder="1" applyAlignment="1">
      <alignment horizontal="center" vertical="center" wrapText="1"/>
    </xf>
    <xf numFmtId="0" fontId="14" fillId="0" borderId="20" xfId="4" applyFont="1" applyBorder="1" applyAlignment="1">
      <alignment horizontal="center" vertical="center" wrapText="1"/>
    </xf>
    <xf numFmtId="0" fontId="14" fillId="0" borderId="8" xfId="4" applyFont="1" applyBorder="1" applyAlignment="1">
      <alignment horizontal="center" vertical="center"/>
    </xf>
    <xf numFmtId="0" fontId="14" fillId="4" borderId="8" xfId="4" applyFont="1" applyFill="1" applyBorder="1" applyAlignment="1">
      <alignment horizontal="center" vertical="center"/>
    </xf>
    <xf numFmtId="0" fontId="14" fillId="0" borderId="7" xfId="4" applyFont="1" applyBorder="1" applyAlignment="1">
      <alignment horizontal="center" vertical="center"/>
    </xf>
    <xf numFmtId="0" fontId="14" fillId="0" borderId="10" xfId="4" applyFont="1" applyBorder="1" applyAlignment="1">
      <alignment horizontal="center" vertical="center" wrapText="1"/>
    </xf>
    <xf numFmtId="0" fontId="14" fillId="0" borderId="12" xfId="4" applyFont="1" applyBorder="1" applyAlignment="1">
      <alignment horizontal="center" vertical="center" wrapText="1"/>
    </xf>
    <xf numFmtId="0" fontId="14" fillId="0" borderId="30" xfId="4" applyFont="1" applyBorder="1" applyAlignment="1">
      <alignment horizontal="center" vertical="center" wrapText="1"/>
    </xf>
    <xf numFmtId="0" fontId="14" fillId="5" borderId="11" xfId="4" applyFont="1" applyFill="1" applyBorder="1" applyAlignment="1">
      <alignment horizontal="center" vertical="center" wrapText="1"/>
    </xf>
    <xf numFmtId="0" fontId="14" fillId="5" borderId="13" xfId="4" applyFont="1" applyFill="1" applyBorder="1" applyAlignment="1">
      <alignment horizontal="center" vertical="center" wrapText="1"/>
    </xf>
    <xf numFmtId="58" fontId="20" fillId="0" borderId="1" xfId="0" applyNumberFormat="1" applyFont="1" applyBorder="1" applyAlignment="1">
      <alignment horizontal="justify" vertical="center" wrapText="1"/>
    </xf>
    <xf numFmtId="0" fontId="20" fillId="0" borderId="1" xfId="0" applyFont="1" applyBorder="1" applyAlignment="1">
      <alignment horizontal="justify" vertical="center" wrapText="1"/>
    </xf>
    <xf numFmtId="0" fontId="20" fillId="0" borderId="2" xfId="0" applyFont="1" applyBorder="1" applyAlignment="1">
      <alignment horizontal="justify" vertical="center" wrapText="1"/>
    </xf>
    <xf numFmtId="0" fontId="20" fillId="0" borderId="5" xfId="0" applyFont="1" applyBorder="1" applyAlignment="1">
      <alignment horizontal="justify" vertical="center" wrapText="1"/>
    </xf>
    <xf numFmtId="0" fontId="20" fillId="0" borderId="6" xfId="0" applyFont="1" applyBorder="1" applyAlignment="1">
      <alignment horizontal="justify" vertical="center" wrapText="1"/>
    </xf>
    <xf numFmtId="0" fontId="24" fillId="0" borderId="1" xfId="0" applyFont="1" applyBorder="1" applyAlignment="1">
      <alignment horizontal="justify" vertical="center" wrapText="1"/>
    </xf>
    <xf numFmtId="0" fontId="24" fillId="0" borderId="2" xfId="0" applyFont="1" applyBorder="1" applyAlignment="1">
      <alignment horizontal="justify" vertical="center" wrapText="1"/>
    </xf>
    <xf numFmtId="0" fontId="24" fillId="0" borderId="5" xfId="0" applyFont="1" applyBorder="1" applyAlignment="1">
      <alignment horizontal="justify" vertical="center" wrapText="1"/>
    </xf>
    <xf numFmtId="0" fontId="24" fillId="0" borderId="6" xfId="0" applyFont="1" applyBorder="1" applyAlignment="1">
      <alignment horizontal="justify" vertical="center" wrapText="1"/>
    </xf>
    <xf numFmtId="0" fontId="7" fillId="0" borderId="0" xfId="6" applyAlignment="1">
      <alignment horizontal="center" vertical="center"/>
    </xf>
    <xf numFmtId="0" fontId="7" fillId="0" borderId="2" xfId="6" applyBorder="1" applyAlignment="1">
      <alignment horizontal="center" vertical="center"/>
    </xf>
    <xf numFmtId="0" fontId="7" fillId="0" borderId="6" xfId="6" applyBorder="1" applyAlignment="1">
      <alignment horizontal="center" vertical="center"/>
    </xf>
    <xf numFmtId="0" fontId="6" fillId="0" borderId="0" xfId="7" applyBorder="1" applyAlignment="1">
      <alignment horizontal="center" vertical="center"/>
    </xf>
    <xf numFmtId="0" fontId="5" fillId="0" borderId="0" xfId="7" applyFont="1" applyAlignment="1">
      <alignment horizontal="center" vertical="center"/>
    </xf>
    <xf numFmtId="0" fontId="6" fillId="0" borderId="7" xfId="7" applyBorder="1" applyAlignment="1">
      <alignment horizontal="center" vertical="center"/>
    </xf>
    <xf numFmtId="0" fontId="6" fillId="0" borderId="4" xfId="7" applyBorder="1" applyAlignment="1">
      <alignment horizontal="center" vertical="center"/>
    </xf>
    <xf numFmtId="0" fontId="6" fillId="0" borderId="2" xfId="7" applyBorder="1" applyAlignment="1">
      <alignment horizontal="center" vertical="center"/>
    </xf>
    <xf numFmtId="0" fontId="6" fillId="0" borderId="5" xfId="7" applyBorder="1" applyAlignment="1">
      <alignment horizontal="center" vertical="center"/>
    </xf>
    <xf numFmtId="0" fontId="6" fillId="0" borderId="6" xfId="7" applyBorder="1" applyAlignment="1">
      <alignment horizontal="center" vertical="center"/>
    </xf>
    <xf numFmtId="0" fontId="6" fillId="0" borderId="3" xfId="7" applyBorder="1" applyAlignment="1">
      <alignment vertical="center"/>
    </xf>
    <xf numFmtId="0" fontId="6" fillId="0" borderId="5" xfId="7" applyBorder="1" applyAlignment="1">
      <alignment vertical="center"/>
    </xf>
    <xf numFmtId="0" fontId="6" fillId="0" borderId="24" xfId="7" applyBorder="1" applyAlignment="1">
      <alignment vertical="center"/>
    </xf>
    <xf numFmtId="0" fontId="6" fillId="0" borderId="25" xfId="7" applyBorder="1" applyAlignment="1">
      <alignment vertical="center"/>
    </xf>
    <xf numFmtId="0" fontId="6" fillId="0" borderId="26" xfId="7" applyBorder="1" applyAlignment="1">
      <alignment vertical="center"/>
    </xf>
    <xf numFmtId="0" fontId="6" fillId="0" borderId="27" xfId="7" applyBorder="1" applyAlignment="1">
      <alignment vertical="center"/>
    </xf>
    <xf numFmtId="0" fontId="6" fillId="0" borderId="18" xfId="7" applyBorder="1" applyAlignment="1">
      <alignment vertical="center"/>
    </xf>
    <xf numFmtId="0" fontId="6" fillId="0" borderId="28" xfId="7" applyBorder="1" applyAlignment="1">
      <alignment vertical="center"/>
    </xf>
    <xf numFmtId="178" fontId="6" fillId="0" borderId="0" xfId="7" applyNumberFormat="1" applyAlignment="1">
      <alignment horizontal="left" vertical="center" indent="1"/>
    </xf>
    <xf numFmtId="0" fontId="6" fillId="0" borderId="3" xfId="7" applyBorder="1" applyAlignment="1">
      <alignment horizontal="center" vertical="center"/>
    </xf>
    <xf numFmtId="0" fontId="27" fillId="0" borderId="0" xfId="7" applyFont="1" applyBorder="1" applyAlignment="1">
      <alignment horizontal="center" vertical="center"/>
    </xf>
    <xf numFmtId="0" fontId="28" fillId="0" borderId="2" xfId="7" applyFont="1" applyBorder="1" applyAlignment="1">
      <alignment horizontal="center" vertical="center"/>
    </xf>
    <xf numFmtId="0" fontId="28" fillId="0" borderId="5" xfId="7" applyFont="1" applyBorder="1" applyAlignment="1">
      <alignment horizontal="center" vertical="center"/>
    </xf>
    <xf numFmtId="0" fontId="29" fillId="0" borderId="5" xfId="7" applyFont="1" applyBorder="1" applyAlignment="1">
      <alignment horizontal="center" vertical="center"/>
    </xf>
    <xf numFmtId="0" fontId="29" fillId="0" borderId="6" xfId="7" applyFont="1" applyBorder="1" applyAlignment="1">
      <alignment horizontal="center" vertical="center"/>
    </xf>
    <xf numFmtId="0" fontId="31" fillId="0" borderId="3" xfId="7" applyFont="1" applyBorder="1" applyAlignment="1">
      <alignment vertical="center" wrapText="1"/>
    </xf>
    <xf numFmtId="0" fontId="31" fillId="0" borderId="3" xfId="7" applyFont="1" applyBorder="1" applyAlignment="1">
      <alignment vertical="center"/>
    </xf>
    <xf numFmtId="0" fontId="28" fillId="0" borderId="5" xfId="7" applyFont="1" applyBorder="1" applyAlignment="1">
      <alignment vertical="center"/>
    </xf>
    <xf numFmtId="0" fontId="28" fillId="0" borderId="24" xfId="7" applyFont="1" applyBorder="1" applyAlignment="1">
      <alignment vertical="center"/>
    </xf>
    <xf numFmtId="0" fontId="28" fillId="0" borderId="25" xfId="7" applyFont="1" applyBorder="1" applyAlignment="1">
      <alignment vertical="center"/>
    </xf>
    <xf numFmtId="0" fontId="28" fillId="0" borderId="26" xfId="7" applyFont="1" applyBorder="1" applyAlignment="1">
      <alignment vertical="center"/>
    </xf>
    <xf numFmtId="0" fontId="28" fillId="0" borderId="27" xfId="7" applyFont="1" applyBorder="1" applyAlignment="1">
      <alignment vertical="center"/>
    </xf>
    <xf numFmtId="0" fontId="28" fillId="0" borderId="18" xfId="7" applyFont="1" applyBorder="1" applyAlignment="1">
      <alignment vertical="center"/>
    </xf>
    <xf numFmtId="0" fontId="28" fillId="0" borderId="28" xfId="7" applyFont="1" applyBorder="1" applyAlignment="1">
      <alignment vertical="center"/>
    </xf>
    <xf numFmtId="178" fontId="30" fillId="0" borderId="0" xfId="7" applyNumberFormat="1" applyFont="1" applyAlignment="1">
      <alignment horizontal="left" vertical="center" indent="1"/>
    </xf>
    <xf numFmtId="0" fontId="28" fillId="0" borderId="3" xfId="7" applyFont="1" applyBorder="1" applyAlignment="1">
      <alignment horizontal="center" vertical="center"/>
    </xf>
    <xf numFmtId="0" fontId="28" fillId="0" borderId="3" xfId="7" applyFont="1" applyBorder="1" applyAlignment="1">
      <alignment vertical="center"/>
    </xf>
    <xf numFmtId="0" fontId="12" fillId="4" borderId="1" xfId="0" applyFont="1" applyFill="1" applyBorder="1" applyAlignment="1">
      <alignment horizontal="center" vertical="center" wrapText="1"/>
    </xf>
    <xf numFmtId="0" fontId="12" fillId="0" borderId="1" xfId="0" applyFont="1" applyFill="1" applyBorder="1" applyAlignment="1">
      <alignment horizontal="center" vertical="center" wrapText="1"/>
    </xf>
    <xf numFmtId="0" fontId="12" fillId="4" borderId="6" xfId="0" applyFont="1" applyFill="1" applyBorder="1" applyAlignment="1">
      <alignment vertical="center" wrapText="1"/>
    </xf>
    <xf numFmtId="0" fontId="20" fillId="0" borderId="32" xfId="0" applyFont="1" applyBorder="1" applyAlignment="1">
      <alignment horizontal="justify" vertical="center" wrapText="1"/>
    </xf>
    <xf numFmtId="0" fontId="20" fillId="0" borderId="0" xfId="0" applyFont="1" applyBorder="1" applyAlignment="1">
      <alignment horizontal="justify" vertical="center" wrapText="1"/>
    </xf>
  </cellXfs>
  <cellStyles count="8">
    <cellStyle name="桁区切り 2" xfId="5"/>
    <cellStyle name="標準" xfId="0" builtinId="0"/>
    <cellStyle name="標準 2" xfId="1"/>
    <cellStyle name="標準 2 2" xfId="6"/>
    <cellStyle name="標準 3" xfId="2"/>
    <cellStyle name="標準 4" xfId="3"/>
    <cellStyle name="標準 5" xfId="7"/>
    <cellStyle name="標準_◆【別紙1-1、1-2】計画書" xfId="4"/>
  </cellStyles>
  <dxfs count="0"/>
  <tableStyles count="0" defaultTableStyle="TableStyleMedium2" defaultPivotStyle="PivotStyleLight16"/>
  <colors>
    <mruColors>
      <color rgb="FFFFFF99"/>
      <color rgb="FFFFFFCC"/>
      <color rgb="FFFFCCFF"/>
      <color rgb="FFFF99CC"/>
      <color rgb="FFFF99FF"/>
      <color rgb="FFCCFFCC"/>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oneCellAnchor>
    <xdr:from>
      <xdr:col>6</xdr:col>
      <xdr:colOff>174172</xdr:colOff>
      <xdr:row>15</xdr:row>
      <xdr:rowOff>152399</xdr:rowOff>
    </xdr:from>
    <xdr:ext cx="6032421" cy="492571"/>
    <xdr:sp macro="" textlink="">
      <xdr:nvSpPr>
        <xdr:cNvPr id="3" name="テキスト ボックス 2"/>
        <xdr:cNvSpPr txBox="1"/>
      </xdr:nvSpPr>
      <xdr:spPr>
        <a:xfrm>
          <a:off x="6574972" y="5671456"/>
          <a:ext cx="6032421" cy="492571"/>
        </a:xfrm>
        <a:prstGeom prst="rect">
          <a:avLst/>
        </a:prstGeom>
        <a:solidFill>
          <a:schemeClr val="accent2">
            <a:lumMod val="20000"/>
            <a:lumOff val="80000"/>
          </a:schemeClr>
        </a:solidFill>
        <a:ln w="3810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a:latin typeface="ＭＳ 明朝" panose="02020609040205080304" pitchFamily="17" charset="-128"/>
              <a:ea typeface="ＭＳ 明朝" panose="02020609040205080304" pitchFamily="17" charset="-128"/>
            </a:rPr>
            <a:t>・</a:t>
          </a:r>
          <a:r>
            <a:rPr lang="ja-JP" altLang="ja-JP" sz="1200">
              <a:solidFill>
                <a:schemeClr val="tx1"/>
              </a:solidFill>
              <a:effectLst/>
              <a:latin typeface="ＭＳ 明朝" panose="02020609040205080304" pitchFamily="17" charset="-128"/>
              <a:ea typeface="ＭＳ 明朝" panose="02020609040205080304" pitchFamily="17" charset="-128"/>
              <a:cs typeface="+mn-cs"/>
            </a:rPr>
            <a:t>移乗支援（装着型・非装着型）・入浴支援用機器の場合</a:t>
          </a:r>
          <a:r>
            <a:rPr lang="ja-JP" altLang="en-US" sz="1200">
              <a:solidFill>
                <a:schemeClr val="tx1"/>
              </a:solidFill>
              <a:effectLst/>
              <a:latin typeface="ＭＳ 明朝" panose="02020609040205080304" pitchFamily="17" charset="-128"/>
              <a:ea typeface="ＭＳ 明朝" panose="02020609040205080304" pitchFamily="17" charset="-128"/>
              <a:cs typeface="+mn-cs"/>
            </a:rPr>
            <a:t>：</a:t>
          </a:r>
          <a:r>
            <a:rPr lang="en-US" altLang="ja-JP" sz="1200">
              <a:solidFill>
                <a:schemeClr val="tx1"/>
              </a:solidFill>
              <a:effectLst/>
              <a:latin typeface="ＭＳ 明朝" panose="02020609040205080304" pitchFamily="17" charset="-128"/>
              <a:ea typeface="ＭＳ 明朝" panose="02020609040205080304" pitchFamily="17" charset="-128"/>
              <a:cs typeface="+mn-cs"/>
            </a:rPr>
            <a:t>2,000,000</a:t>
          </a:r>
          <a:r>
            <a:rPr lang="ja-JP" altLang="en-US" sz="1200">
              <a:solidFill>
                <a:schemeClr val="tx1"/>
              </a:solidFill>
              <a:effectLst/>
              <a:latin typeface="ＭＳ 明朝" panose="02020609040205080304" pitchFamily="17" charset="-128"/>
              <a:ea typeface="ＭＳ 明朝" panose="02020609040205080304" pitchFamily="17" charset="-128"/>
              <a:cs typeface="+mn-cs"/>
            </a:rPr>
            <a:t>円</a:t>
          </a:r>
          <a:r>
            <a:rPr lang="en-US" altLang="ja-JP" sz="1200">
              <a:solidFill>
                <a:schemeClr val="tx1"/>
              </a:solidFill>
              <a:effectLst/>
              <a:latin typeface="ＭＳ 明朝" panose="02020609040205080304" pitchFamily="17" charset="-128"/>
              <a:ea typeface="ＭＳ 明朝" panose="02020609040205080304" pitchFamily="17" charset="-128"/>
              <a:cs typeface="+mn-cs"/>
            </a:rPr>
            <a:t>/</a:t>
          </a:r>
          <a:r>
            <a:rPr lang="ja-JP" altLang="en-US" sz="1200">
              <a:solidFill>
                <a:schemeClr val="tx1"/>
              </a:solidFill>
              <a:effectLst/>
              <a:latin typeface="ＭＳ 明朝" panose="02020609040205080304" pitchFamily="17" charset="-128"/>
              <a:ea typeface="ＭＳ 明朝" panose="02020609040205080304" pitchFamily="17" charset="-128"/>
              <a:cs typeface="+mn-cs"/>
            </a:rPr>
            <a:t>１台</a:t>
          </a:r>
          <a:endParaRPr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a:t>
          </a:r>
          <a:r>
            <a:rPr lang="ja-JP" altLang="ja-JP" sz="1200">
              <a:solidFill>
                <a:schemeClr val="tx1"/>
              </a:solidFill>
              <a:effectLst/>
              <a:latin typeface="ＭＳ 明朝" panose="02020609040205080304" pitchFamily="17" charset="-128"/>
              <a:ea typeface="ＭＳ 明朝" panose="02020609040205080304" pitchFamily="17" charset="-128"/>
              <a:cs typeface="+mn-cs"/>
            </a:rPr>
            <a:t>移動支援、排泄支援、見守り・コミュニケーション用機器の場合</a:t>
          </a:r>
          <a:r>
            <a:rPr lang="ja-JP" altLang="en-US" sz="1200">
              <a:solidFill>
                <a:schemeClr val="tx1"/>
              </a:solidFill>
              <a:effectLst/>
              <a:latin typeface="ＭＳ 明朝" panose="02020609040205080304" pitchFamily="17" charset="-128"/>
              <a:ea typeface="ＭＳ 明朝" panose="02020609040205080304" pitchFamily="17" charset="-128"/>
              <a:cs typeface="+mn-cs"/>
            </a:rPr>
            <a:t>：</a:t>
          </a:r>
          <a:r>
            <a:rPr lang="en-US" altLang="ja-JP" sz="1200">
              <a:solidFill>
                <a:schemeClr val="tx1"/>
              </a:solidFill>
              <a:effectLst/>
              <a:latin typeface="ＭＳ 明朝" panose="02020609040205080304" pitchFamily="17" charset="-128"/>
              <a:ea typeface="ＭＳ 明朝" panose="02020609040205080304" pitchFamily="17" charset="-128"/>
              <a:cs typeface="+mn-cs"/>
            </a:rPr>
            <a:t>600,000</a:t>
          </a:r>
          <a:r>
            <a:rPr lang="ja-JP" altLang="en-US" sz="1200">
              <a:solidFill>
                <a:schemeClr val="tx1"/>
              </a:solidFill>
              <a:effectLst/>
              <a:latin typeface="ＭＳ 明朝" panose="02020609040205080304" pitchFamily="17" charset="-128"/>
              <a:ea typeface="ＭＳ 明朝" panose="02020609040205080304" pitchFamily="17" charset="-128"/>
              <a:cs typeface="+mn-cs"/>
            </a:rPr>
            <a:t>円</a:t>
          </a:r>
          <a:r>
            <a:rPr lang="en-US" altLang="ja-JP" sz="1200">
              <a:solidFill>
                <a:schemeClr val="tx1"/>
              </a:solidFill>
              <a:effectLst/>
              <a:latin typeface="ＭＳ 明朝" panose="02020609040205080304" pitchFamily="17" charset="-128"/>
              <a:ea typeface="ＭＳ 明朝" panose="02020609040205080304" pitchFamily="17" charset="-128"/>
              <a:cs typeface="+mn-cs"/>
            </a:rPr>
            <a:t>/</a:t>
          </a:r>
          <a:r>
            <a:rPr lang="ja-JP" altLang="en-US" sz="1200">
              <a:solidFill>
                <a:schemeClr val="tx1"/>
              </a:solidFill>
              <a:effectLst/>
              <a:latin typeface="ＭＳ 明朝" panose="02020609040205080304" pitchFamily="17" charset="-128"/>
              <a:ea typeface="ＭＳ 明朝" panose="02020609040205080304" pitchFamily="17" charset="-128"/>
              <a:cs typeface="+mn-cs"/>
            </a:rPr>
            <a:t>１台</a:t>
          </a:r>
          <a:endParaRPr lang="en-US" altLang="ja-JP" sz="1200">
            <a:solidFill>
              <a:schemeClr val="tx1"/>
            </a:solidFill>
            <a:effectLst/>
            <a:latin typeface="ＭＳ 明朝" panose="02020609040205080304" pitchFamily="17" charset="-128"/>
            <a:ea typeface="ＭＳ 明朝" panose="02020609040205080304" pitchFamily="17" charset="-128"/>
            <a:cs typeface="+mn-cs"/>
          </a:endParaRPr>
        </a:p>
      </xdr:txBody>
    </xdr:sp>
    <xdr:clientData/>
  </xdr:oneCellAnchor>
  <xdr:twoCellAnchor>
    <xdr:from>
      <xdr:col>7</xdr:col>
      <xdr:colOff>664030</xdr:colOff>
      <xdr:row>9</xdr:row>
      <xdr:rowOff>1164773</xdr:rowOff>
    </xdr:from>
    <xdr:to>
      <xdr:col>7</xdr:col>
      <xdr:colOff>666750</xdr:colOff>
      <xdr:row>15</xdr:row>
      <xdr:rowOff>108857</xdr:rowOff>
    </xdr:to>
    <xdr:cxnSp macro="">
      <xdr:nvCxnSpPr>
        <xdr:cNvPr id="5" name="直線矢印コネクタ 4"/>
        <xdr:cNvCxnSpPr/>
      </xdr:nvCxnSpPr>
      <xdr:spPr>
        <a:xfrm flipH="1" flipV="1">
          <a:off x="8093530" y="3736523"/>
          <a:ext cx="2720" cy="1924048"/>
        </a:xfrm>
        <a:prstGeom prst="straightConnector1">
          <a:avLst/>
        </a:prstGeom>
        <a:ln w="381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664027</xdr:colOff>
      <xdr:row>11</xdr:row>
      <xdr:rowOff>163285</xdr:rowOff>
    </xdr:from>
    <xdr:ext cx="3108543" cy="492571"/>
    <xdr:sp macro="" textlink="">
      <xdr:nvSpPr>
        <xdr:cNvPr id="6" name="テキスト ボックス 5"/>
        <xdr:cNvSpPr txBox="1"/>
      </xdr:nvSpPr>
      <xdr:spPr>
        <a:xfrm>
          <a:off x="2797627" y="4463142"/>
          <a:ext cx="3108543" cy="492571"/>
        </a:xfrm>
        <a:prstGeom prst="rect">
          <a:avLst/>
        </a:prstGeom>
        <a:solidFill>
          <a:schemeClr val="accent2">
            <a:lumMod val="20000"/>
            <a:lumOff val="80000"/>
          </a:schemeClr>
        </a:solidFill>
        <a:ln w="3810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見積書」に記載している中で補助対象と</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なる費用を入れる。</a:t>
          </a:r>
          <a:endParaRPr lang="en-US" altLang="ja-JP" sz="1200">
            <a:solidFill>
              <a:schemeClr val="tx1"/>
            </a:solidFill>
            <a:effectLst/>
            <a:latin typeface="ＭＳ 明朝" panose="02020609040205080304" pitchFamily="17" charset="-128"/>
            <a:ea typeface="ＭＳ 明朝" panose="02020609040205080304" pitchFamily="17" charset="-128"/>
            <a:cs typeface="+mn-cs"/>
          </a:endParaRPr>
        </a:p>
      </xdr:txBody>
    </xdr:sp>
    <xdr:clientData/>
  </xdr:oneCellAnchor>
  <xdr:twoCellAnchor>
    <xdr:from>
      <xdr:col>3</xdr:col>
      <xdr:colOff>631370</xdr:colOff>
      <xdr:row>9</xdr:row>
      <xdr:rowOff>1023257</xdr:rowOff>
    </xdr:from>
    <xdr:to>
      <xdr:col>4</xdr:col>
      <xdr:colOff>43541</xdr:colOff>
      <xdr:row>11</xdr:row>
      <xdr:rowOff>163286</xdr:rowOff>
    </xdr:to>
    <xdr:cxnSp macro="">
      <xdr:nvCxnSpPr>
        <xdr:cNvPr id="7" name="直線矢印コネクタ 6"/>
        <xdr:cNvCxnSpPr/>
      </xdr:nvCxnSpPr>
      <xdr:spPr>
        <a:xfrm flipH="1" flipV="1">
          <a:off x="3831770" y="3624943"/>
          <a:ext cx="478971" cy="838200"/>
        </a:xfrm>
        <a:prstGeom prst="straightConnector1">
          <a:avLst/>
        </a:prstGeom>
        <a:ln w="381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620486</xdr:colOff>
      <xdr:row>2</xdr:row>
      <xdr:rowOff>152399</xdr:rowOff>
    </xdr:from>
    <xdr:ext cx="2185214" cy="492571"/>
    <xdr:sp macro="" textlink="">
      <xdr:nvSpPr>
        <xdr:cNvPr id="8" name="テキスト ボックス 7"/>
        <xdr:cNvSpPr txBox="1"/>
      </xdr:nvSpPr>
      <xdr:spPr>
        <a:xfrm>
          <a:off x="2754086" y="838199"/>
          <a:ext cx="2185214" cy="492571"/>
        </a:xfrm>
        <a:prstGeom prst="rect">
          <a:avLst/>
        </a:prstGeom>
        <a:solidFill>
          <a:schemeClr val="accent2">
            <a:lumMod val="20000"/>
            <a:lumOff val="80000"/>
          </a:schemeClr>
        </a:solidFill>
        <a:ln w="3810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ja-JP" altLang="en-US" sz="1200">
              <a:solidFill>
                <a:schemeClr val="tx1"/>
              </a:solidFill>
              <a:effectLst/>
              <a:latin typeface="ＭＳ 明朝" panose="02020609040205080304" pitchFamily="17" charset="-128"/>
              <a:ea typeface="ＭＳ 明朝" panose="02020609040205080304" pitchFamily="17" charset="-128"/>
              <a:cs typeface="+mn-cs"/>
            </a:rPr>
            <a:t>市町村等ほかの補助金を</a:t>
          </a:r>
          <a:endParaRPr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lang="ja-JP" altLang="en-US" sz="1200">
              <a:solidFill>
                <a:schemeClr val="tx1"/>
              </a:solidFill>
              <a:effectLst/>
              <a:latin typeface="ＭＳ 明朝" panose="02020609040205080304" pitchFamily="17" charset="-128"/>
              <a:ea typeface="ＭＳ 明朝" panose="02020609040205080304" pitchFamily="17" charset="-128"/>
              <a:cs typeface="+mn-cs"/>
            </a:rPr>
            <a:t>併用する場合のみ入力する。</a:t>
          </a:r>
          <a:endParaRPr lang="en-US" altLang="ja-JP" sz="1200">
            <a:solidFill>
              <a:schemeClr val="tx1"/>
            </a:solidFill>
            <a:effectLst/>
            <a:latin typeface="ＭＳ 明朝" panose="02020609040205080304" pitchFamily="17" charset="-128"/>
            <a:ea typeface="ＭＳ 明朝" panose="02020609040205080304" pitchFamily="17" charset="-128"/>
            <a:cs typeface="+mn-cs"/>
          </a:endParaRPr>
        </a:p>
      </xdr:txBody>
    </xdr:sp>
    <xdr:clientData/>
  </xdr:oneCellAnchor>
  <xdr:twoCellAnchor>
    <xdr:from>
      <xdr:col>4</xdr:col>
      <xdr:colOff>41158</xdr:colOff>
      <xdr:row>4</xdr:row>
      <xdr:rowOff>263970</xdr:rowOff>
    </xdr:from>
    <xdr:to>
      <xdr:col>4</xdr:col>
      <xdr:colOff>468086</xdr:colOff>
      <xdr:row>9</xdr:row>
      <xdr:rowOff>511628</xdr:rowOff>
    </xdr:to>
    <xdr:cxnSp macro="">
      <xdr:nvCxnSpPr>
        <xdr:cNvPr id="9" name="直線矢印コネクタ 8"/>
        <xdr:cNvCxnSpPr/>
      </xdr:nvCxnSpPr>
      <xdr:spPr>
        <a:xfrm>
          <a:off x="4308358" y="1341656"/>
          <a:ext cx="426928" cy="1771658"/>
        </a:xfrm>
        <a:prstGeom prst="straightConnector1">
          <a:avLst/>
        </a:prstGeom>
        <a:ln w="381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41514</xdr:colOff>
      <xdr:row>14</xdr:row>
      <xdr:rowOff>217713</xdr:rowOff>
    </xdr:from>
    <xdr:ext cx="5109091" cy="492571"/>
    <xdr:sp macro="" textlink="">
      <xdr:nvSpPr>
        <xdr:cNvPr id="17" name="テキスト ボックス 16"/>
        <xdr:cNvSpPr txBox="1"/>
      </xdr:nvSpPr>
      <xdr:spPr>
        <a:xfrm>
          <a:off x="141514" y="5431970"/>
          <a:ext cx="5109091" cy="492571"/>
        </a:xfrm>
        <a:prstGeom prst="rect">
          <a:avLst/>
        </a:prstGeom>
        <a:solidFill>
          <a:schemeClr val="accent2">
            <a:lumMod val="20000"/>
            <a:lumOff val="80000"/>
          </a:schemeClr>
        </a:solidFill>
        <a:ln w="3810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ja-JP" altLang="en-US" sz="1200">
              <a:solidFill>
                <a:schemeClr val="tx1"/>
              </a:solidFill>
              <a:effectLst/>
              <a:latin typeface="ＭＳ 明朝" panose="02020609040205080304" pitchFamily="17" charset="-128"/>
              <a:ea typeface="ＭＳ 明朝" panose="02020609040205080304" pitchFamily="17" charset="-128"/>
              <a:cs typeface="+mn-cs"/>
            </a:rPr>
            <a:t>別添「</a:t>
          </a:r>
          <a:r>
            <a:rPr lang="ja-JP" altLang="en-US" sz="1100" b="0" i="0" u="none" strike="noStrike" baseline="0" smtClean="0">
              <a:solidFill>
                <a:schemeClr val="tx1"/>
              </a:solidFill>
              <a:latin typeface="+mn-lt"/>
              <a:ea typeface="+mn-ea"/>
              <a:cs typeface="+mn-cs"/>
            </a:rPr>
            <a:t>令和７年度 神奈川県「介護ロボット導入支援事業」補助対象ロボット一覧」の</a:t>
          </a:r>
          <a:endParaRPr lang="en-US" altLang="ja-JP" sz="1100" b="0" i="0" u="none" strike="noStrike" baseline="0" smtClean="0">
            <a:solidFill>
              <a:schemeClr val="tx1"/>
            </a:solidFill>
            <a:latin typeface="+mn-lt"/>
            <a:ea typeface="+mn-ea"/>
            <a:cs typeface="+mn-cs"/>
          </a:endParaRPr>
        </a:p>
        <a:p>
          <a:r>
            <a:rPr lang="ja-JP" altLang="en-US" sz="1200">
              <a:solidFill>
                <a:schemeClr val="tx1"/>
              </a:solidFill>
              <a:effectLst/>
              <a:latin typeface="ＭＳ 明朝" panose="02020609040205080304" pitchFamily="17" charset="-128"/>
              <a:ea typeface="ＭＳ 明朝" panose="02020609040205080304" pitchFamily="17" charset="-128"/>
              <a:cs typeface="+mn-cs"/>
            </a:rPr>
            <a:t>「分野」、「</a:t>
          </a:r>
          <a:r>
            <a:rPr lang="en-US" altLang="ja-JP" sz="1200">
              <a:solidFill>
                <a:schemeClr val="tx1"/>
              </a:solidFill>
              <a:effectLst/>
              <a:latin typeface="ＭＳ 明朝" panose="02020609040205080304" pitchFamily="17" charset="-128"/>
              <a:ea typeface="ＭＳ 明朝" panose="02020609040205080304" pitchFamily="17" charset="-128"/>
              <a:cs typeface="+mn-cs"/>
            </a:rPr>
            <a:t>NO</a:t>
          </a:r>
          <a:r>
            <a:rPr lang="ja-JP" altLang="en-US" sz="1200">
              <a:solidFill>
                <a:schemeClr val="tx1"/>
              </a:solidFill>
              <a:effectLst/>
              <a:latin typeface="ＭＳ 明朝" panose="02020609040205080304" pitchFamily="17" charset="-128"/>
              <a:ea typeface="ＭＳ 明朝" panose="02020609040205080304" pitchFamily="17" charset="-128"/>
              <a:cs typeface="+mn-cs"/>
            </a:rPr>
            <a:t>」、「機器の名称及び導入台数」をそれぞれ入力する。</a:t>
          </a:r>
          <a:endParaRPr lang="en-US" altLang="ja-JP" sz="1200">
            <a:solidFill>
              <a:schemeClr val="tx1"/>
            </a:solidFill>
            <a:effectLst/>
            <a:latin typeface="ＭＳ 明朝" panose="02020609040205080304" pitchFamily="17" charset="-128"/>
            <a:ea typeface="ＭＳ 明朝" panose="02020609040205080304" pitchFamily="17" charset="-128"/>
            <a:cs typeface="+mn-cs"/>
          </a:endParaRPr>
        </a:p>
      </xdr:txBody>
    </xdr:sp>
    <xdr:clientData/>
  </xdr:oneCellAnchor>
  <xdr:twoCellAnchor>
    <xdr:from>
      <xdr:col>0</xdr:col>
      <xdr:colOff>859971</xdr:colOff>
      <xdr:row>9</xdr:row>
      <xdr:rowOff>1415143</xdr:rowOff>
    </xdr:from>
    <xdr:to>
      <xdr:col>1</xdr:col>
      <xdr:colOff>631372</xdr:colOff>
      <xdr:row>14</xdr:row>
      <xdr:rowOff>195944</xdr:rowOff>
    </xdr:to>
    <xdr:cxnSp macro="">
      <xdr:nvCxnSpPr>
        <xdr:cNvPr id="18" name="直線矢印コネクタ 17"/>
        <xdr:cNvCxnSpPr/>
      </xdr:nvCxnSpPr>
      <xdr:spPr>
        <a:xfrm flipH="1" flipV="1">
          <a:off x="859971" y="4016829"/>
          <a:ext cx="838201" cy="1393372"/>
        </a:xfrm>
        <a:prstGeom prst="straightConnector1">
          <a:avLst/>
        </a:prstGeom>
        <a:ln w="381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576943</xdr:colOff>
      <xdr:row>9</xdr:row>
      <xdr:rowOff>1371599</xdr:rowOff>
    </xdr:from>
    <xdr:to>
      <xdr:col>1</xdr:col>
      <xdr:colOff>642259</xdr:colOff>
      <xdr:row>14</xdr:row>
      <xdr:rowOff>206829</xdr:rowOff>
    </xdr:to>
    <xdr:cxnSp macro="">
      <xdr:nvCxnSpPr>
        <xdr:cNvPr id="26" name="直線矢印コネクタ 25"/>
        <xdr:cNvCxnSpPr/>
      </xdr:nvCxnSpPr>
      <xdr:spPr>
        <a:xfrm flipH="1" flipV="1">
          <a:off x="1643743" y="3973285"/>
          <a:ext cx="65316" cy="1447801"/>
        </a:xfrm>
        <a:prstGeom prst="straightConnector1">
          <a:avLst/>
        </a:prstGeom>
        <a:ln w="381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642259</xdr:colOff>
      <xdr:row>9</xdr:row>
      <xdr:rowOff>1360714</xdr:rowOff>
    </xdr:from>
    <xdr:to>
      <xdr:col>2</xdr:col>
      <xdr:colOff>315686</xdr:colOff>
      <xdr:row>14</xdr:row>
      <xdr:rowOff>217716</xdr:rowOff>
    </xdr:to>
    <xdr:cxnSp macro="">
      <xdr:nvCxnSpPr>
        <xdr:cNvPr id="27" name="直線矢印コネクタ 26"/>
        <xdr:cNvCxnSpPr/>
      </xdr:nvCxnSpPr>
      <xdr:spPr>
        <a:xfrm flipV="1">
          <a:off x="1709059" y="3962400"/>
          <a:ext cx="740227" cy="1469573"/>
        </a:xfrm>
        <a:prstGeom prst="straightConnector1">
          <a:avLst/>
        </a:prstGeom>
        <a:ln w="381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0</xdr:colOff>
      <xdr:row>11</xdr:row>
      <xdr:rowOff>190500</xdr:rowOff>
    </xdr:from>
    <xdr:ext cx="1319893" cy="492571"/>
    <xdr:sp macro="" textlink="">
      <xdr:nvSpPr>
        <xdr:cNvPr id="12" name="テキスト ボックス 11"/>
        <xdr:cNvSpPr txBox="1"/>
      </xdr:nvSpPr>
      <xdr:spPr>
        <a:xfrm>
          <a:off x="6368143" y="4544786"/>
          <a:ext cx="1319893" cy="492571"/>
        </a:xfrm>
        <a:prstGeom prst="rect">
          <a:avLst/>
        </a:prstGeom>
        <a:solidFill>
          <a:schemeClr val="accent2">
            <a:lumMod val="20000"/>
            <a:lumOff val="80000"/>
          </a:schemeClr>
        </a:solidFill>
        <a:ln w="3810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lang="ja-JP" altLang="en-US" sz="1200">
              <a:solidFill>
                <a:schemeClr val="tx1"/>
              </a:solidFill>
              <a:effectLst/>
              <a:latin typeface="ＭＳ 明朝" panose="02020609040205080304" pitchFamily="17" charset="-128"/>
              <a:ea typeface="ＭＳ 明朝" panose="02020609040205080304" pitchFamily="17" charset="-128"/>
              <a:cs typeface="+mn-cs"/>
            </a:rPr>
            <a:t>税込金額を記載する。</a:t>
          </a:r>
          <a:endParaRPr lang="en-US" altLang="ja-JP" sz="1200">
            <a:solidFill>
              <a:schemeClr val="tx1"/>
            </a:solidFill>
            <a:effectLst/>
            <a:latin typeface="ＭＳ 明朝" panose="02020609040205080304" pitchFamily="17" charset="-128"/>
            <a:ea typeface="ＭＳ 明朝" panose="02020609040205080304" pitchFamily="17" charset="-128"/>
            <a:cs typeface="+mn-cs"/>
          </a:endParaRPr>
        </a:p>
      </xdr:txBody>
    </xdr:sp>
    <xdr:clientData/>
  </xdr:oneCellAnchor>
  <xdr:twoCellAnchor>
    <xdr:from>
      <xdr:col>6</xdr:col>
      <xdr:colOff>421822</xdr:colOff>
      <xdr:row>9</xdr:row>
      <xdr:rowOff>1034143</xdr:rowOff>
    </xdr:from>
    <xdr:to>
      <xdr:col>6</xdr:col>
      <xdr:colOff>435428</xdr:colOff>
      <xdr:row>11</xdr:row>
      <xdr:rowOff>149678</xdr:rowOff>
    </xdr:to>
    <xdr:cxnSp macro="">
      <xdr:nvCxnSpPr>
        <xdr:cNvPr id="13" name="直線矢印コネクタ 12"/>
        <xdr:cNvCxnSpPr/>
      </xdr:nvCxnSpPr>
      <xdr:spPr>
        <a:xfrm flipH="1" flipV="1">
          <a:off x="6789965" y="3605893"/>
          <a:ext cx="13606" cy="898071"/>
        </a:xfrm>
        <a:prstGeom prst="straightConnector1">
          <a:avLst/>
        </a:prstGeom>
        <a:ln w="381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106680</xdr:colOff>
      <xdr:row>17</xdr:row>
      <xdr:rowOff>68580</xdr:rowOff>
    </xdr:from>
    <xdr:to>
      <xdr:col>3</xdr:col>
      <xdr:colOff>1394460</xdr:colOff>
      <xdr:row>20</xdr:row>
      <xdr:rowOff>144780</xdr:rowOff>
    </xdr:to>
    <xdr:sp macro="" textlink="">
      <xdr:nvSpPr>
        <xdr:cNvPr id="3" name="四角形吹き出し 2">
          <a:extLst>
            <a:ext uri="{FF2B5EF4-FFF2-40B4-BE49-F238E27FC236}">
              <a16:creationId xmlns:a16="http://schemas.microsoft.com/office/drawing/2014/main" id="{00000000-0008-0000-0500-000009000000}"/>
            </a:ext>
          </a:extLst>
        </xdr:cNvPr>
        <xdr:cNvSpPr/>
      </xdr:nvSpPr>
      <xdr:spPr>
        <a:xfrm>
          <a:off x="3398520" y="4061460"/>
          <a:ext cx="2933700" cy="624840"/>
        </a:xfrm>
        <a:prstGeom prst="wedgeRectCallout">
          <a:avLst>
            <a:gd name="adj1" fmla="val -40511"/>
            <a:gd name="adj2" fmla="val -158935"/>
          </a:avLst>
        </a:prstGeom>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r>
            <a:rPr kumimoji="1" lang="ja-JP" altLang="en-US" sz="1000">
              <a:solidFill>
                <a:schemeClr val="tx1"/>
              </a:solidFill>
            </a:rPr>
            <a:t>大項目の中で該当するもののみ抜粋して記載してください。</a:t>
          </a:r>
        </a:p>
      </xdr:txBody>
    </xdr:sp>
    <xdr:clientData/>
  </xdr:twoCellAnchor>
  <xdr:twoCellAnchor>
    <xdr:from>
      <xdr:col>1</xdr:col>
      <xdr:colOff>281940</xdr:colOff>
      <xdr:row>18</xdr:row>
      <xdr:rowOff>106680</xdr:rowOff>
    </xdr:from>
    <xdr:to>
      <xdr:col>1</xdr:col>
      <xdr:colOff>1539240</xdr:colOff>
      <xdr:row>20</xdr:row>
      <xdr:rowOff>53340</xdr:rowOff>
    </xdr:to>
    <xdr:sp macro="" textlink="">
      <xdr:nvSpPr>
        <xdr:cNvPr id="4" name="角丸四角形吹き出し 3"/>
        <xdr:cNvSpPr/>
      </xdr:nvSpPr>
      <xdr:spPr>
        <a:xfrm>
          <a:off x="1927860" y="4282440"/>
          <a:ext cx="1257300" cy="312420"/>
        </a:xfrm>
        <a:prstGeom prst="wedgeRoundRectCallout">
          <a:avLst>
            <a:gd name="adj1" fmla="val -97620"/>
            <a:gd name="adj2" fmla="val 7476"/>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様式１と同じ日付</a:t>
          </a:r>
        </a:p>
      </xdr:txBody>
    </xdr:sp>
    <xdr:clientData/>
  </xdr:twoCellAnchor>
  <xdr:twoCellAnchor>
    <xdr:from>
      <xdr:col>0</xdr:col>
      <xdr:colOff>63500</xdr:colOff>
      <xdr:row>3</xdr:row>
      <xdr:rowOff>50800</xdr:rowOff>
    </xdr:from>
    <xdr:to>
      <xdr:col>0</xdr:col>
      <xdr:colOff>1111250</xdr:colOff>
      <xdr:row>4</xdr:row>
      <xdr:rowOff>355600</xdr:rowOff>
    </xdr:to>
    <xdr:sp macro="" textlink="">
      <xdr:nvSpPr>
        <xdr:cNvPr id="5" name="角丸四角形 4"/>
        <xdr:cNvSpPr/>
      </xdr:nvSpPr>
      <xdr:spPr>
        <a:xfrm>
          <a:off x="63500" y="482600"/>
          <a:ext cx="1047750" cy="4826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t>記載例</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46050</xdr:colOff>
      <xdr:row>2</xdr:row>
      <xdr:rowOff>15875</xdr:rowOff>
    </xdr:from>
    <xdr:to>
      <xdr:col>2</xdr:col>
      <xdr:colOff>733425</xdr:colOff>
      <xdr:row>4</xdr:row>
      <xdr:rowOff>130175</xdr:rowOff>
    </xdr:to>
    <xdr:sp macro="" textlink="">
      <xdr:nvSpPr>
        <xdr:cNvPr id="2" name="AutoShape 2"/>
        <xdr:cNvSpPr>
          <a:spLocks noChangeArrowheads="1"/>
        </xdr:cNvSpPr>
      </xdr:nvSpPr>
      <xdr:spPr bwMode="auto">
        <a:xfrm>
          <a:off x="330200" y="511175"/>
          <a:ext cx="1400175" cy="52070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2</xdr:col>
      <xdr:colOff>1743075</xdr:colOff>
      <xdr:row>12</xdr:row>
      <xdr:rowOff>38100</xdr:rowOff>
    </xdr:from>
    <xdr:to>
      <xdr:col>10</xdr:col>
      <xdr:colOff>9525</xdr:colOff>
      <xdr:row>18</xdr:row>
      <xdr:rowOff>121920</xdr:rowOff>
    </xdr:to>
    <xdr:sp macro="" textlink="">
      <xdr:nvSpPr>
        <xdr:cNvPr id="3" name="AutoShape 3"/>
        <xdr:cNvSpPr>
          <a:spLocks noChangeArrowheads="1"/>
        </xdr:cNvSpPr>
      </xdr:nvSpPr>
      <xdr:spPr bwMode="auto">
        <a:xfrm>
          <a:off x="2740025" y="4013200"/>
          <a:ext cx="2527300" cy="1264920"/>
        </a:xfrm>
        <a:prstGeom prst="wedgeRectCallout">
          <a:avLst>
            <a:gd name="adj1" fmla="val -22340"/>
            <a:gd name="adj2" fmla="val -121931"/>
          </a:avLst>
        </a:prstGeom>
        <a:solidFill>
          <a:srgbClr val="C0C0C0"/>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200" b="0" i="0" u="none" strike="noStrike" baseline="0">
              <a:solidFill>
                <a:srgbClr val="000000"/>
              </a:solidFill>
              <a:latin typeface="HGP創英角ｺﾞｼｯｸUB"/>
              <a:ea typeface="HGP創英角ｺﾞｼｯｸUB"/>
            </a:rPr>
            <a:t>通帳等に記載されているフリガナ、口座名義人を確認し、</a:t>
          </a:r>
          <a:r>
            <a:rPr lang="ja-JP" altLang="en-US" sz="1200" b="0" i="0" u="sng" strike="noStrike" baseline="0">
              <a:solidFill>
                <a:srgbClr val="000000"/>
              </a:solidFill>
              <a:latin typeface="HGP創英角ｺﾞｼｯｸUB"/>
              <a:ea typeface="HGP創英角ｺﾞｼｯｸUB"/>
            </a:rPr>
            <a:t>括弧、法人略記まで正確に記載してください</a:t>
          </a:r>
          <a:r>
            <a:rPr lang="ja-JP" altLang="en-US" sz="1200" b="0" i="0" u="none" strike="noStrike" baseline="0">
              <a:solidFill>
                <a:srgbClr val="000000"/>
              </a:solidFill>
              <a:latin typeface="HGP創英角ｺﾞｼｯｸUB"/>
              <a:ea typeface="HGP創英角ｺﾞｼｯｸUB"/>
            </a:rPr>
            <a:t>。口座名義人と表記が異なりますと振り込まれない場合があります。</a:t>
          </a:r>
          <a:endParaRPr lang="ja-JP" altLang="en-US" sz="1200" b="0" i="0" u="none" strike="noStrike" baseline="0">
            <a:solidFill>
              <a:srgbClr val="000000"/>
            </a:solidFill>
            <a:latin typeface="Times New Roman"/>
            <a:cs typeface="Times New Roman"/>
          </a:endParaRPr>
        </a:p>
        <a:p>
          <a:pPr algn="l" rtl="0">
            <a:defRPr sz="1000"/>
          </a:pPr>
          <a:endParaRPr lang="ja-JP" altLang="en-US" sz="1200" b="0" i="0" u="none" strike="noStrike" baseline="0">
            <a:solidFill>
              <a:srgbClr val="000000"/>
            </a:solidFill>
            <a:latin typeface="Times New Roman"/>
            <a:cs typeface="Times New Roman"/>
          </a:endParaRPr>
        </a:p>
      </xdr:txBody>
    </xdr:sp>
    <xdr:clientData/>
  </xdr:twoCellAnchor>
  <xdr:twoCellAnchor>
    <xdr:from>
      <xdr:col>1</xdr:col>
      <xdr:colOff>142875</xdr:colOff>
      <xdr:row>19</xdr:row>
      <xdr:rowOff>114300</xdr:rowOff>
    </xdr:from>
    <xdr:to>
      <xdr:col>2</xdr:col>
      <xdr:colOff>1247775</xdr:colOff>
      <xdr:row>22</xdr:row>
      <xdr:rowOff>220980</xdr:rowOff>
    </xdr:to>
    <xdr:sp macro="" textlink="">
      <xdr:nvSpPr>
        <xdr:cNvPr id="4" name="AutoShape 4"/>
        <xdr:cNvSpPr>
          <a:spLocks noChangeArrowheads="1"/>
        </xdr:cNvSpPr>
      </xdr:nvSpPr>
      <xdr:spPr bwMode="auto">
        <a:xfrm>
          <a:off x="327025" y="5467350"/>
          <a:ext cx="1917700" cy="1249680"/>
        </a:xfrm>
        <a:prstGeom prst="wedgeRectCallout">
          <a:avLst>
            <a:gd name="adj1" fmla="val 68605"/>
            <a:gd name="adj2" fmla="val 38651"/>
          </a:avLst>
        </a:prstGeom>
        <a:solidFill>
          <a:srgbClr val="C0C0C0"/>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200" b="0" i="0" u="sng" strike="noStrike" baseline="0">
              <a:solidFill>
                <a:srgbClr val="000000"/>
              </a:solidFill>
              <a:latin typeface="HGP創英角ｺﾞｼｯｸUB"/>
              <a:ea typeface="HGP創英角ｺﾞｼｯｸUB"/>
            </a:rPr>
            <a:t>申請書</a:t>
          </a:r>
          <a:r>
            <a:rPr lang="en-US" altLang="ja-JP" sz="1200" b="0" i="0" u="sng" strike="noStrike" baseline="0">
              <a:solidFill>
                <a:srgbClr val="000000"/>
              </a:solidFill>
              <a:latin typeface="HGP創英角ｺﾞｼｯｸUB"/>
              <a:ea typeface="HGP創英角ｺﾞｼｯｸUB"/>
            </a:rPr>
            <a:t>(</a:t>
          </a:r>
          <a:r>
            <a:rPr lang="ja-JP" altLang="en-US" sz="1200" b="0" i="0" u="sng" strike="noStrike" baseline="0">
              <a:solidFill>
                <a:srgbClr val="000000"/>
              </a:solidFill>
              <a:latin typeface="HGP創英角ｺﾞｼｯｸUB"/>
              <a:ea typeface="HGP創英角ｺﾞｼｯｸUB"/>
            </a:rPr>
            <a:t>申請者</a:t>
          </a:r>
          <a:r>
            <a:rPr lang="en-US" altLang="ja-JP" sz="1200" b="0" i="0" u="sng" strike="noStrike" baseline="0">
              <a:solidFill>
                <a:srgbClr val="000000"/>
              </a:solidFill>
              <a:latin typeface="HGP創英角ｺﾞｼｯｸUB"/>
              <a:ea typeface="HGP創英角ｺﾞｼｯｸUB"/>
            </a:rPr>
            <a:t>)</a:t>
          </a:r>
          <a:r>
            <a:rPr lang="ja-JP" altLang="en-US" sz="1200" b="0" i="0" u="sng" strike="noStrike" baseline="0">
              <a:solidFill>
                <a:srgbClr val="000000"/>
              </a:solidFill>
              <a:latin typeface="HGP創英角ｺﾞｼｯｸUB"/>
              <a:ea typeface="HGP創英角ｺﾞｼｯｸUB"/>
            </a:rPr>
            <a:t>と同じ</a:t>
          </a:r>
          <a:r>
            <a:rPr lang="ja-JP" altLang="en-US" sz="1200" b="0" i="0" u="none" strike="noStrike" baseline="0">
              <a:solidFill>
                <a:srgbClr val="000000"/>
              </a:solidFill>
              <a:latin typeface="HGP創英角ｺﾞｼｯｸUB"/>
              <a:ea typeface="HGP創英角ｺﾞｼｯｸUB"/>
            </a:rPr>
            <a:t>郵便番号、電話番号、住所、氏名</a:t>
          </a:r>
          <a:r>
            <a:rPr lang="en-US" altLang="ja-JP" sz="1200" b="0" i="0" u="none" strike="noStrike" baseline="0">
              <a:solidFill>
                <a:srgbClr val="000000"/>
              </a:solidFill>
              <a:latin typeface="HGP創英角ｺﾞｼｯｸUB"/>
              <a:ea typeface="HGP創英角ｺﾞｼｯｸUB"/>
            </a:rPr>
            <a:t>(</a:t>
          </a:r>
          <a:r>
            <a:rPr lang="ja-JP" altLang="en-US" sz="1200" b="0" i="0" u="none" strike="noStrike" baseline="0">
              <a:solidFill>
                <a:srgbClr val="000000"/>
              </a:solidFill>
              <a:latin typeface="HGP創英角ｺﾞｼｯｸUB"/>
              <a:ea typeface="HGP創英角ｺﾞｼｯｸUB"/>
            </a:rPr>
            <a:t>法人名、施設名</a:t>
          </a:r>
          <a:r>
            <a:rPr lang="en-US" altLang="ja-JP" sz="1200" b="0" i="0" u="none" strike="noStrike" baseline="0">
              <a:solidFill>
                <a:srgbClr val="000000"/>
              </a:solidFill>
              <a:latin typeface="HGP創英角ｺﾞｼｯｸUB"/>
              <a:ea typeface="HGP創英角ｺﾞｼｯｸUB"/>
            </a:rPr>
            <a:t>)</a:t>
          </a:r>
          <a:r>
            <a:rPr lang="ja-JP" altLang="en-US" sz="1200" b="0" i="0" u="none" strike="noStrike" baseline="0">
              <a:solidFill>
                <a:srgbClr val="000000"/>
              </a:solidFill>
              <a:latin typeface="HGP創英角ｺﾞｼｯｸUB"/>
              <a:ea typeface="HGP創英角ｺﾞｼｯｸUB"/>
            </a:rPr>
            <a:t>を記載いただくようお願いいたします。</a:t>
          </a:r>
        </a:p>
        <a:p>
          <a:pPr algn="l" rtl="0">
            <a:defRPr sz="1000"/>
          </a:pPr>
          <a:endParaRPr lang="ja-JP" altLang="en-US" sz="1200" b="0" i="0" u="none" strike="noStrike" baseline="0">
            <a:solidFill>
              <a:srgbClr val="000000"/>
            </a:solidFill>
            <a:latin typeface="HGP創英角ｺﾞｼｯｸUB"/>
            <a:ea typeface="HGP創英角ｺﾞｼｯｸUB"/>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L11"/>
  <sheetViews>
    <sheetView tabSelected="1" view="pageBreakPreview" zoomScale="70" zoomScaleNormal="100" zoomScaleSheetLayoutView="70" workbookViewId="0">
      <selection activeCell="A3" sqref="A3"/>
    </sheetView>
  </sheetViews>
  <sheetFormatPr defaultColWidth="12.625" defaultRowHeight="24" customHeight="1"/>
  <cols>
    <col min="1" max="12" width="14" style="1" customWidth="1"/>
    <col min="13" max="13" width="14.5" style="1" customWidth="1"/>
    <col min="14" max="14" width="16.375" style="1" customWidth="1"/>
    <col min="15" max="258" width="12.625" style="1"/>
    <col min="259" max="259" width="4" style="1" customWidth="1"/>
    <col min="260" max="260" width="24.125" style="1" customWidth="1"/>
    <col min="261" max="267" width="13.5" style="1" customWidth="1"/>
    <col min="268" max="268" width="13.625" style="1" customWidth="1"/>
    <col min="269" max="269" width="14.5" style="1" customWidth="1"/>
    <col min="270" max="270" width="16.375" style="1" customWidth="1"/>
    <col min="271" max="514" width="12.625" style="1"/>
    <col min="515" max="515" width="4" style="1" customWidth="1"/>
    <col min="516" max="516" width="24.125" style="1" customWidth="1"/>
    <col min="517" max="523" width="13.5" style="1" customWidth="1"/>
    <col min="524" max="524" width="13.625" style="1" customWidth="1"/>
    <col min="525" max="525" width="14.5" style="1" customWidth="1"/>
    <col min="526" max="526" width="16.375" style="1" customWidth="1"/>
    <col min="527" max="770" width="12.625" style="1"/>
    <col min="771" max="771" width="4" style="1" customWidth="1"/>
    <col min="772" max="772" width="24.125" style="1" customWidth="1"/>
    <col min="773" max="779" width="13.5" style="1" customWidth="1"/>
    <col min="780" max="780" width="13.625" style="1" customWidth="1"/>
    <col min="781" max="781" width="14.5" style="1" customWidth="1"/>
    <col min="782" max="782" width="16.375" style="1" customWidth="1"/>
    <col min="783" max="1026" width="12.625" style="1"/>
    <col min="1027" max="1027" width="4" style="1" customWidth="1"/>
    <col min="1028" max="1028" width="24.125" style="1" customWidth="1"/>
    <col min="1029" max="1035" width="13.5" style="1" customWidth="1"/>
    <col min="1036" max="1036" width="13.625" style="1" customWidth="1"/>
    <col min="1037" max="1037" width="14.5" style="1" customWidth="1"/>
    <col min="1038" max="1038" width="16.375" style="1" customWidth="1"/>
    <col min="1039" max="1282" width="12.625" style="1"/>
    <col min="1283" max="1283" width="4" style="1" customWidth="1"/>
    <col min="1284" max="1284" width="24.125" style="1" customWidth="1"/>
    <col min="1285" max="1291" width="13.5" style="1" customWidth="1"/>
    <col min="1292" max="1292" width="13.625" style="1" customWidth="1"/>
    <col min="1293" max="1293" width="14.5" style="1" customWidth="1"/>
    <col min="1294" max="1294" width="16.375" style="1" customWidth="1"/>
    <col min="1295" max="1538" width="12.625" style="1"/>
    <col min="1539" max="1539" width="4" style="1" customWidth="1"/>
    <col min="1540" max="1540" width="24.125" style="1" customWidth="1"/>
    <col min="1541" max="1547" width="13.5" style="1" customWidth="1"/>
    <col min="1548" max="1548" width="13.625" style="1" customWidth="1"/>
    <col min="1549" max="1549" width="14.5" style="1" customWidth="1"/>
    <col min="1550" max="1550" width="16.375" style="1" customWidth="1"/>
    <col min="1551" max="1794" width="12.625" style="1"/>
    <col min="1795" max="1795" width="4" style="1" customWidth="1"/>
    <col min="1796" max="1796" width="24.125" style="1" customWidth="1"/>
    <col min="1797" max="1803" width="13.5" style="1" customWidth="1"/>
    <col min="1804" max="1804" width="13.625" style="1" customWidth="1"/>
    <col min="1805" max="1805" width="14.5" style="1" customWidth="1"/>
    <col min="1806" max="1806" width="16.375" style="1" customWidth="1"/>
    <col min="1807" max="2050" width="12.625" style="1"/>
    <col min="2051" max="2051" width="4" style="1" customWidth="1"/>
    <col min="2052" max="2052" width="24.125" style="1" customWidth="1"/>
    <col min="2053" max="2059" width="13.5" style="1" customWidth="1"/>
    <col min="2060" max="2060" width="13.625" style="1" customWidth="1"/>
    <col min="2061" max="2061" width="14.5" style="1" customWidth="1"/>
    <col min="2062" max="2062" width="16.375" style="1" customWidth="1"/>
    <col min="2063" max="2306" width="12.625" style="1"/>
    <col min="2307" max="2307" width="4" style="1" customWidth="1"/>
    <col min="2308" max="2308" width="24.125" style="1" customWidth="1"/>
    <col min="2309" max="2315" width="13.5" style="1" customWidth="1"/>
    <col min="2316" max="2316" width="13.625" style="1" customWidth="1"/>
    <col min="2317" max="2317" width="14.5" style="1" customWidth="1"/>
    <col min="2318" max="2318" width="16.375" style="1" customWidth="1"/>
    <col min="2319" max="2562" width="12.625" style="1"/>
    <col min="2563" max="2563" width="4" style="1" customWidth="1"/>
    <col min="2564" max="2564" width="24.125" style="1" customWidth="1"/>
    <col min="2565" max="2571" width="13.5" style="1" customWidth="1"/>
    <col min="2572" max="2572" width="13.625" style="1" customWidth="1"/>
    <col min="2573" max="2573" width="14.5" style="1" customWidth="1"/>
    <col min="2574" max="2574" width="16.375" style="1" customWidth="1"/>
    <col min="2575" max="2818" width="12.625" style="1"/>
    <col min="2819" max="2819" width="4" style="1" customWidth="1"/>
    <col min="2820" max="2820" width="24.125" style="1" customWidth="1"/>
    <col min="2821" max="2827" width="13.5" style="1" customWidth="1"/>
    <col min="2828" max="2828" width="13.625" style="1" customWidth="1"/>
    <col min="2829" max="2829" width="14.5" style="1" customWidth="1"/>
    <col min="2830" max="2830" width="16.375" style="1" customWidth="1"/>
    <col min="2831" max="3074" width="12.625" style="1"/>
    <col min="3075" max="3075" width="4" style="1" customWidth="1"/>
    <col min="3076" max="3076" width="24.125" style="1" customWidth="1"/>
    <col min="3077" max="3083" width="13.5" style="1" customWidth="1"/>
    <col min="3084" max="3084" width="13.625" style="1" customWidth="1"/>
    <col min="3085" max="3085" width="14.5" style="1" customWidth="1"/>
    <col min="3086" max="3086" width="16.375" style="1" customWidth="1"/>
    <col min="3087" max="3330" width="12.625" style="1"/>
    <col min="3331" max="3331" width="4" style="1" customWidth="1"/>
    <col min="3332" max="3332" width="24.125" style="1" customWidth="1"/>
    <col min="3333" max="3339" width="13.5" style="1" customWidth="1"/>
    <col min="3340" max="3340" width="13.625" style="1" customWidth="1"/>
    <col min="3341" max="3341" width="14.5" style="1" customWidth="1"/>
    <col min="3342" max="3342" width="16.375" style="1" customWidth="1"/>
    <col min="3343" max="3586" width="12.625" style="1"/>
    <col min="3587" max="3587" width="4" style="1" customWidth="1"/>
    <col min="3588" max="3588" width="24.125" style="1" customWidth="1"/>
    <col min="3589" max="3595" width="13.5" style="1" customWidth="1"/>
    <col min="3596" max="3596" width="13.625" style="1" customWidth="1"/>
    <col min="3597" max="3597" width="14.5" style="1" customWidth="1"/>
    <col min="3598" max="3598" width="16.375" style="1" customWidth="1"/>
    <col min="3599" max="3842" width="12.625" style="1"/>
    <col min="3843" max="3843" width="4" style="1" customWidth="1"/>
    <col min="3844" max="3844" width="24.125" style="1" customWidth="1"/>
    <col min="3845" max="3851" width="13.5" style="1" customWidth="1"/>
    <col min="3852" max="3852" width="13.625" style="1" customWidth="1"/>
    <col min="3853" max="3853" width="14.5" style="1" customWidth="1"/>
    <col min="3854" max="3854" width="16.375" style="1" customWidth="1"/>
    <col min="3855" max="4098" width="12.625" style="1"/>
    <col min="4099" max="4099" width="4" style="1" customWidth="1"/>
    <col min="4100" max="4100" width="24.125" style="1" customWidth="1"/>
    <col min="4101" max="4107" width="13.5" style="1" customWidth="1"/>
    <col min="4108" max="4108" width="13.625" style="1" customWidth="1"/>
    <col min="4109" max="4109" width="14.5" style="1" customWidth="1"/>
    <col min="4110" max="4110" width="16.375" style="1" customWidth="1"/>
    <col min="4111" max="4354" width="12.625" style="1"/>
    <col min="4355" max="4355" width="4" style="1" customWidth="1"/>
    <col min="4356" max="4356" width="24.125" style="1" customWidth="1"/>
    <col min="4357" max="4363" width="13.5" style="1" customWidth="1"/>
    <col min="4364" max="4364" width="13.625" style="1" customWidth="1"/>
    <col min="4365" max="4365" width="14.5" style="1" customWidth="1"/>
    <col min="4366" max="4366" width="16.375" style="1" customWidth="1"/>
    <col min="4367" max="4610" width="12.625" style="1"/>
    <col min="4611" max="4611" width="4" style="1" customWidth="1"/>
    <col min="4612" max="4612" width="24.125" style="1" customWidth="1"/>
    <col min="4613" max="4619" width="13.5" style="1" customWidth="1"/>
    <col min="4620" max="4620" width="13.625" style="1" customWidth="1"/>
    <col min="4621" max="4621" width="14.5" style="1" customWidth="1"/>
    <col min="4622" max="4622" width="16.375" style="1" customWidth="1"/>
    <col min="4623" max="4866" width="12.625" style="1"/>
    <col min="4867" max="4867" width="4" style="1" customWidth="1"/>
    <col min="4868" max="4868" width="24.125" style="1" customWidth="1"/>
    <col min="4869" max="4875" width="13.5" style="1" customWidth="1"/>
    <col min="4876" max="4876" width="13.625" style="1" customWidth="1"/>
    <col min="4877" max="4877" width="14.5" style="1" customWidth="1"/>
    <col min="4878" max="4878" width="16.375" style="1" customWidth="1"/>
    <col min="4879" max="5122" width="12.625" style="1"/>
    <col min="5123" max="5123" width="4" style="1" customWidth="1"/>
    <col min="5124" max="5124" width="24.125" style="1" customWidth="1"/>
    <col min="5125" max="5131" width="13.5" style="1" customWidth="1"/>
    <col min="5132" max="5132" width="13.625" style="1" customWidth="1"/>
    <col min="5133" max="5133" width="14.5" style="1" customWidth="1"/>
    <col min="5134" max="5134" width="16.375" style="1" customWidth="1"/>
    <col min="5135" max="5378" width="12.625" style="1"/>
    <col min="5379" max="5379" width="4" style="1" customWidth="1"/>
    <col min="5380" max="5380" width="24.125" style="1" customWidth="1"/>
    <col min="5381" max="5387" width="13.5" style="1" customWidth="1"/>
    <col min="5388" max="5388" width="13.625" style="1" customWidth="1"/>
    <col min="5389" max="5389" width="14.5" style="1" customWidth="1"/>
    <col min="5390" max="5390" width="16.375" style="1" customWidth="1"/>
    <col min="5391" max="5634" width="12.625" style="1"/>
    <col min="5635" max="5635" width="4" style="1" customWidth="1"/>
    <col min="5636" max="5636" width="24.125" style="1" customWidth="1"/>
    <col min="5637" max="5643" width="13.5" style="1" customWidth="1"/>
    <col min="5644" max="5644" width="13.625" style="1" customWidth="1"/>
    <col min="5645" max="5645" width="14.5" style="1" customWidth="1"/>
    <col min="5646" max="5646" width="16.375" style="1" customWidth="1"/>
    <col min="5647" max="5890" width="12.625" style="1"/>
    <col min="5891" max="5891" width="4" style="1" customWidth="1"/>
    <col min="5892" max="5892" width="24.125" style="1" customWidth="1"/>
    <col min="5893" max="5899" width="13.5" style="1" customWidth="1"/>
    <col min="5900" max="5900" width="13.625" style="1" customWidth="1"/>
    <col min="5901" max="5901" width="14.5" style="1" customWidth="1"/>
    <col min="5902" max="5902" width="16.375" style="1" customWidth="1"/>
    <col min="5903" max="6146" width="12.625" style="1"/>
    <col min="6147" max="6147" width="4" style="1" customWidth="1"/>
    <col min="6148" max="6148" width="24.125" style="1" customWidth="1"/>
    <col min="6149" max="6155" width="13.5" style="1" customWidth="1"/>
    <col min="6156" max="6156" width="13.625" style="1" customWidth="1"/>
    <col min="6157" max="6157" width="14.5" style="1" customWidth="1"/>
    <col min="6158" max="6158" width="16.375" style="1" customWidth="1"/>
    <col min="6159" max="6402" width="12.625" style="1"/>
    <col min="6403" max="6403" width="4" style="1" customWidth="1"/>
    <col min="6404" max="6404" width="24.125" style="1" customWidth="1"/>
    <col min="6405" max="6411" width="13.5" style="1" customWidth="1"/>
    <col min="6412" max="6412" width="13.625" style="1" customWidth="1"/>
    <col min="6413" max="6413" width="14.5" style="1" customWidth="1"/>
    <col min="6414" max="6414" width="16.375" style="1" customWidth="1"/>
    <col min="6415" max="6658" width="12.625" style="1"/>
    <col min="6659" max="6659" width="4" style="1" customWidth="1"/>
    <col min="6660" max="6660" width="24.125" style="1" customWidth="1"/>
    <col min="6661" max="6667" width="13.5" style="1" customWidth="1"/>
    <col min="6668" max="6668" width="13.625" style="1" customWidth="1"/>
    <col min="6669" max="6669" width="14.5" style="1" customWidth="1"/>
    <col min="6670" max="6670" width="16.375" style="1" customWidth="1"/>
    <col min="6671" max="6914" width="12.625" style="1"/>
    <col min="6915" max="6915" width="4" style="1" customWidth="1"/>
    <col min="6916" max="6916" width="24.125" style="1" customWidth="1"/>
    <col min="6917" max="6923" width="13.5" style="1" customWidth="1"/>
    <col min="6924" max="6924" width="13.625" style="1" customWidth="1"/>
    <col min="6925" max="6925" width="14.5" style="1" customWidth="1"/>
    <col min="6926" max="6926" width="16.375" style="1" customWidth="1"/>
    <col min="6927" max="7170" width="12.625" style="1"/>
    <col min="7171" max="7171" width="4" style="1" customWidth="1"/>
    <col min="7172" max="7172" width="24.125" style="1" customWidth="1"/>
    <col min="7173" max="7179" width="13.5" style="1" customWidth="1"/>
    <col min="7180" max="7180" width="13.625" style="1" customWidth="1"/>
    <col min="7181" max="7181" width="14.5" style="1" customWidth="1"/>
    <col min="7182" max="7182" width="16.375" style="1" customWidth="1"/>
    <col min="7183" max="7426" width="12.625" style="1"/>
    <col min="7427" max="7427" width="4" style="1" customWidth="1"/>
    <col min="7428" max="7428" width="24.125" style="1" customWidth="1"/>
    <col min="7429" max="7435" width="13.5" style="1" customWidth="1"/>
    <col min="7436" max="7436" width="13.625" style="1" customWidth="1"/>
    <col min="7437" max="7437" width="14.5" style="1" customWidth="1"/>
    <col min="7438" max="7438" width="16.375" style="1" customWidth="1"/>
    <col min="7439" max="7682" width="12.625" style="1"/>
    <col min="7683" max="7683" width="4" style="1" customWidth="1"/>
    <col min="7684" max="7684" width="24.125" style="1" customWidth="1"/>
    <col min="7685" max="7691" width="13.5" style="1" customWidth="1"/>
    <col min="7692" max="7692" width="13.625" style="1" customWidth="1"/>
    <col min="7693" max="7693" width="14.5" style="1" customWidth="1"/>
    <col min="7694" max="7694" width="16.375" style="1" customWidth="1"/>
    <col min="7695" max="7938" width="12.625" style="1"/>
    <col min="7939" max="7939" width="4" style="1" customWidth="1"/>
    <col min="7940" max="7940" width="24.125" style="1" customWidth="1"/>
    <col min="7941" max="7947" width="13.5" style="1" customWidth="1"/>
    <col min="7948" max="7948" width="13.625" style="1" customWidth="1"/>
    <col min="7949" max="7949" width="14.5" style="1" customWidth="1"/>
    <col min="7950" max="7950" width="16.375" style="1" customWidth="1"/>
    <col min="7951" max="8194" width="12.625" style="1"/>
    <col min="8195" max="8195" width="4" style="1" customWidth="1"/>
    <col min="8196" max="8196" width="24.125" style="1" customWidth="1"/>
    <col min="8197" max="8203" width="13.5" style="1" customWidth="1"/>
    <col min="8204" max="8204" width="13.625" style="1" customWidth="1"/>
    <col min="8205" max="8205" width="14.5" style="1" customWidth="1"/>
    <col min="8206" max="8206" width="16.375" style="1" customWidth="1"/>
    <col min="8207" max="8450" width="12.625" style="1"/>
    <col min="8451" max="8451" width="4" style="1" customWidth="1"/>
    <col min="8452" max="8452" width="24.125" style="1" customWidth="1"/>
    <col min="8453" max="8459" width="13.5" style="1" customWidth="1"/>
    <col min="8460" max="8460" width="13.625" style="1" customWidth="1"/>
    <col min="8461" max="8461" width="14.5" style="1" customWidth="1"/>
    <col min="8462" max="8462" width="16.375" style="1" customWidth="1"/>
    <col min="8463" max="8706" width="12.625" style="1"/>
    <col min="8707" max="8707" width="4" style="1" customWidth="1"/>
    <col min="8708" max="8708" width="24.125" style="1" customWidth="1"/>
    <col min="8709" max="8715" width="13.5" style="1" customWidth="1"/>
    <col min="8716" max="8716" width="13.625" style="1" customWidth="1"/>
    <col min="8717" max="8717" width="14.5" style="1" customWidth="1"/>
    <col min="8718" max="8718" width="16.375" style="1" customWidth="1"/>
    <col min="8719" max="8962" width="12.625" style="1"/>
    <col min="8963" max="8963" width="4" style="1" customWidth="1"/>
    <col min="8964" max="8964" width="24.125" style="1" customWidth="1"/>
    <col min="8965" max="8971" width="13.5" style="1" customWidth="1"/>
    <col min="8972" max="8972" width="13.625" style="1" customWidth="1"/>
    <col min="8973" max="8973" width="14.5" style="1" customWidth="1"/>
    <col min="8974" max="8974" width="16.375" style="1" customWidth="1"/>
    <col min="8975" max="9218" width="12.625" style="1"/>
    <col min="9219" max="9219" width="4" style="1" customWidth="1"/>
    <col min="9220" max="9220" width="24.125" style="1" customWidth="1"/>
    <col min="9221" max="9227" width="13.5" style="1" customWidth="1"/>
    <col min="9228" max="9228" width="13.625" style="1" customWidth="1"/>
    <col min="9229" max="9229" width="14.5" style="1" customWidth="1"/>
    <col min="9230" max="9230" width="16.375" style="1" customWidth="1"/>
    <col min="9231" max="9474" width="12.625" style="1"/>
    <col min="9475" max="9475" width="4" style="1" customWidth="1"/>
    <col min="9476" max="9476" width="24.125" style="1" customWidth="1"/>
    <col min="9477" max="9483" width="13.5" style="1" customWidth="1"/>
    <col min="9484" max="9484" width="13.625" style="1" customWidth="1"/>
    <col min="9485" max="9485" width="14.5" style="1" customWidth="1"/>
    <col min="9486" max="9486" width="16.375" style="1" customWidth="1"/>
    <col min="9487" max="9730" width="12.625" style="1"/>
    <col min="9731" max="9731" width="4" style="1" customWidth="1"/>
    <col min="9732" max="9732" width="24.125" style="1" customWidth="1"/>
    <col min="9733" max="9739" width="13.5" style="1" customWidth="1"/>
    <col min="9740" max="9740" width="13.625" style="1" customWidth="1"/>
    <col min="9741" max="9741" width="14.5" style="1" customWidth="1"/>
    <col min="9742" max="9742" width="16.375" style="1" customWidth="1"/>
    <col min="9743" max="9986" width="12.625" style="1"/>
    <col min="9987" max="9987" width="4" style="1" customWidth="1"/>
    <col min="9988" max="9988" width="24.125" style="1" customWidth="1"/>
    <col min="9989" max="9995" width="13.5" style="1" customWidth="1"/>
    <col min="9996" max="9996" width="13.625" style="1" customWidth="1"/>
    <col min="9997" max="9997" width="14.5" style="1" customWidth="1"/>
    <col min="9998" max="9998" width="16.375" style="1" customWidth="1"/>
    <col min="9999" max="10242" width="12.625" style="1"/>
    <col min="10243" max="10243" width="4" style="1" customWidth="1"/>
    <col min="10244" max="10244" width="24.125" style="1" customWidth="1"/>
    <col min="10245" max="10251" width="13.5" style="1" customWidth="1"/>
    <col min="10252" max="10252" width="13.625" style="1" customWidth="1"/>
    <col min="10253" max="10253" width="14.5" style="1" customWidth="1"/>
    <col min="10254" max="10254" width="16.375" style="1" customWidth="1"/>
    <col min="10255" max="10498" width="12.625" style="1"/>
    <col min="10499" max="10499" width="4" style="1" customWidth="1"/>
    <col min="10500" max="10500" width="24.125" style="1" customWidth="1"/>
    <col min="10501" max="10507" width="13.5" style="1" customWidth="1"/>
    <col min="10508" max="10508" width="13.625" style="1" customWidth="1"/>
    <col min="10509" max="10509" width="14.5" style="1" customWidth="1"/>
    <col min="10510" max="10510" width="16.375" style="1" customWidth="1"/>
    <col min="10511" max="10754" width="12.625" style="1"/>
    <col min="10755" max="10755" width="4" style="1" customWidth="1"/>
    <col min="10756" max="10756" width="24.125" style="1" customWidth="1"/>
    <col min="10757" max="10763" width="13.5" style="1" customWidth="1"/>
    <col min="10764" max="10764" width="13.625" style="1" customWidth="1"/>
    <col min="10765" max="10765" width="14.5" style="1" customWidth="1"/>
    <col min="10766" max="10766" width="16.375" style="1" customWidth="1"/>
    <col min="10767" max="11010" width="12.625" style="1"/>
    <col min="11011" max="11011" width="4" style="1" customWidth="1"/>
    <col min="11012" max="11012" width="24.125" style="1" customWidth="1"/>
    <col min="11013" max="11019" width="13.5" style="1" customWidth="1"/>
    <col min="11020" max="11020" width="13.625" style="1" customWidth="1"/>
    <col min="11021" max="11021" width="14.5" style="1" customWidth="1"/>
    <col min="11022" max="11022" width="16.375" style="1" customWidth="1"/>
    <col min="11023" max="11266" width="12.625" style="1"/>
    <col min="11267" max="11267" width="4" style="1" customWidth="1"/>
    <col min="11268" max="11268" width="24.125" style="1" customWidth="1"/>
    <col min="11269" max="11275" width="13.5" style="1" customWidth="1"/>
    <col min="11276" max="11276" width="13.625" style="1" customWidth="1"/>
    <col min="11277" max="11277" width="14.5" style="1" customWidth="1"/>
    <col min="11278" max="11278" width="16.375" style="1" customWidth="1"/>
    <col min="11279" max="11522" width="12.625" style="1"/>
    <col min="11523" max="11523" width="4" style="1" customWidth="1"/>
    <col min="11524" max="11524" width="24.125" style="1" customWidth="1"/>
    <col min="11525" max="11531" width="13.5" style="1" customWidth="1"/>
    <col min="11532" max="11532" width="13.625" style="1" customWidth="1"/>
    <col min="11533" max="11533" width="14.5" style="1" customWidth="1"/>
    <col min="11534" max="11534" width="16.375" style="1" customWidth="1"/>
    <col min="11535" max="11778" width="12.625" style="1"/>
    <col min="11779" max="11779" width="4" style="1" customWidth="1"/>
    <col min="11780" max="11780" width="24.125" style="1" customWidth="1"/>
    <col min="11781" max="11787" width="13.5" style="1" customWidth="1"/>
    <col min="11788" max="11788" width="13.625" style="1" customWidth="1"/>
    <col min="11789" max="11789" width="14.5" style="1" customWidth="1"/>
    <col min="11790" max="11790" width="16.375" style="1" customWidth="1"/>
    <col min="11791" max="12034" width="12.625" style="1"/>
    <col min="12035" max="12035" width="4" style="1" customWidth="1"/>
    <col min="12036" max="12036" width="24.125" style="1" customWidth="1"/>
    <col min="12037" max="12043" width="13.5" style="1" customWidth="1"/>
    <col min="12044" max="12044" width="13.625" style="1" customWidth="1"/>
    <col min="12045" max="12045" width="14.5" style="1" customWidth="1"/>
    <col min="12046" max="12046" width="16.375" style="1" customWidth="1"/>
    <col min="12047" max="12290" width="12.625" style="1"/>
    <col min="12291" max="12291" width="4" style="1" customWidth="1"/>
    <col min="12292" max="12292" width="24.125" style="1" customWidth="1"/>
    <col min="12293" max="12299" width="13.5" style="1" customWidth="1"/>
    <col min="12300" max="12300" width="13.625" style="1" customWidth="1"/>
    <col min="12301" max="12301" width="14.5" style="1" customWidth="1"/>
    <col min="12302" max="12302" width="16.375" style="1" customWidth="1"/>
    <col min="12303" max="12546" width="12.625" style="1"/>
    <col min="12547" max="12547" width="4" style="1" customWidth="1"/>
    <col min="12548" max="12548" width="24.125" style="1" customWidth="1"/>
    <col min="12549" max="12555" width="13.5" style="1" customWidth="1"/>
    <col min="12556" max="12556" width="13.625" style="1" customWidth="1"/>
    <col min="12557" max="12557" width="14.5" style="1" customWidth="1"/>
    <col min="12558" max="12558" width="16.375" style="1" customWidth="1"/>
    <col min="12559" max="12802" width="12.625" style="1"/>
    <col min="12803" max="12803" width="4" style="1" customWidth="1"/>
    <col min="12804" max="12804" width="24.125" style="1" customWidth="1"/>
    <col min="12805" max="12811" width="13.5" style="1" customWidth="1"/>
    <col min="12812" max="12812" width="13.625" style="1" customWidth="1"/>
    <col min="12813" max="12813" width="14.5" style="1" customWidth="1"/>
    <col min="12814" max="12814" width="16.375" style="1" customWidth="1"/>
    <col min="12815" max="13058" width="12.625" style="1"/>
    <col min="13059" max="13059" width="4" style="1" customWidth="1"/>
    <col min="13060" max="13060" width="24.125" style="1" customWidth="1"/>
    <col min="13061" max="13067" width="13.5" style="1" customWidth="1"/>
    <col min="13068" max="13068" width="13.625" style="1" customWidth="1"/>
    <col min="13069" max="13069" width="14.5" style="1" customWidth="1"/>
    <col min="13070" max="13070" width="16.375" style="1" customWidth="1"/>
    <col min="13071" max="13314" width="12.625" style="1"/>
    <col min="13315" max="13315" width="4" style="1" customWidth="1"/>
    <col min="13316" max="13316" width="24.125" style="1" customWidth="1"/>
    <col min="13317" max="13323" width="13.5" style="1" customWidth="1"/>
    <col min="13324" max="13324" width="13.625" style="1" customWidth="1"/>
    <col min="13325" max="13325" width="14.5" style="1" customWidth="1"/>
    <col min="13326" max="13326" width="16.375" style="1" customWidth="1"/>
    <col min="13327" max="13570" width="12.625" style="1"/>
    <col min="13571" max="13571" width="4" style="1" customWidth="1"/>
    <col min="13572" max="13572" width="24.125" style="1" customWidth="1"/>
    <col min="13573" max="13579" width="13.5" style="1" customWidth="1"/>
    <col min="13580" max="13580" width="13.625" style="1" customWidth="1"/>
    <col min="13581" max="13581" width="14.5" style="1" customWidth="1"/>
    <col min="13582" max="13582" width="16.375" style="1" customWidth="1"/>
    <col min="13583" max="13826" width="12.625" style="1"/>
    <col min="13827" max="13827" width="4" style="1" customWidth="1"/>
    <col min="13828" max="13828" width="24.125" style="1" customWidth="1"/>
    <col min="13829" max="13835" width="13.5" style="1" customWidth="1"/>
    <col min="13836" max="13836" width="13.625" style="1" customWidth="1"/>
    <col min="13837" max="13837" width="14.5" style="1" customWidth="1"/>
    <col min="13838" max="13838" width="16.375" style="1" customWidth="1"/>
    <col min="13839" max="14082" width="12.625" style="1"/>
    <col min="14083" max="14083" width="4" style="1" customWidth="1"/>
    <col min="14084" max="14084" width="24.125" style="1" customWidth="1"/>
    <col min="14085" max="14091" width="13.5" style="1" customWidth="1"/>
    <col min="14092" max="14092" width="13.625" style="1" customWidth="1"/>
    <col min="14093" max="14093" width="14.5" style="1" customWidth="1"/>
    <col min="14094" max="14094" width="16.375" style="1" customWidth="1"/>
    <col min="14095" max="14338" width="12.625" style="1"/>
    <col min="14339" max="14339" width="4" style="1" customWidth="1"/>
    <col min="14340" max="14340" width="24.125" style="1" customWidth="1"/>
    <col min="14341" max="14347" width="13.5" style="1" customWidth="1"/>
    <col min="14348" max="14348" width="13.625" style="1" customWidth="1"/>
    <col min="14349" max="14349" width="14.5" style="1" customWidth="1"/>
    <col min="14350" max="14350" width="16.375" style="1" customWidth="1"/>
    <col min="14351" max="14594" width="12.625" style="1"/>
    <col min="14595" max="14595" width="4" style="1" customWidth="1"/>
    <col min="14596" max="14596" width="24.125" style="1" customWidth="1"/>
    <col min="14597" max="14603" width="13.5" style="1" customWidth="1"/>
    <col min="14604" max="14604" width="13.625" style="1" customWidth="1"/>
    <col min="14605" max="14605" width="14.5" style="1" customWidth="1"/>
    <col min="14606" max="14606" width="16.375" style="1" customWidth="1"/>
    <col min="14607" max="14850" width="12.625" style="1"/>
    <col min="14851" max="14851" width="4" style="1" customWidth="1"/>
    <col min="14852" max="14852" width="24.125" style="1" customWidth="1"/>
    <col min="14853" max="14859" width="13.5" style="1" customWidth="1"/>
    <col min="14860" max="14860" width="13.625" style="1" customWidth="1"/>
    <col min="14861" max="14861" width="14.5" style="1" customWidth="1"/>
    <col min="14862" max="14862" width="16.375" style="1" customWidth="1"/>
    <col min="14863" max="15106" width="12.625" style="1"/>
    <col min="15107" max="15107" width="4" style="1" customWidth="1"/>
    <col min="15108" max="15108" width="24.125" style="1" customWidth="1"/>
    <col min="15109" max="15115" width="13.5" style="1" customWidth="1"/>
    <col min="15116" max="15116" width="13.625" style="1" customWidth="1"/>
    <col min="15117" max="15117" width="14.5" style="1" customWidth="1"/>
    <col min="15118" max="15118" width="16.375" style="1" customWidth="1"/>
    <col min="15119" max="15362" width="12.625" style="1"/>
    <col min="15363" max="15363" width="4" style="1" customWidth="1"/>
    <col min="15364" max="15364" width="24.125" style="1" customWidth="1"/>
    <col min="15365" max="15371" width="13.5" style="1" customWidth="1"/>
    <col min="15372" max="15372" width="13.625" style="1" customWidth="1"/>
    <col min="15373" max="15373" width="14.5" style="1" customWidth="1"/>
    <col min="15374" max="15374" width="16.375" style="1" customWidth="1"/>
    <col min="15375" max="15618" width="12.625" style="1"/>
    <col min="15619" max="15619" width="4" style="1" customWidth="1"/>
    <col min="15620" max="15620" width="24.125" style="1" customWidth="1"/>
    <col min="15621" max="15627" width="13.5" style="1" customWidth="1"/>
    <col min="15628" max="15628" width="13.625" style="1" customWidth="1"/>
    <col min="15629" max="15629" width="14.5" style="1" customWidth="1"/>
    <col min="15630" max="15630" width="16.375" style="1" customWidth="1"/>
    <col min="15631" max="15874" width="12.625" style="1"/>
    <col min="15875" max="15875" width="4" style="1" customWidth="1"/>
    <col min="15876" max="15876" width="24.125" style="1" customWidth="1"/>
    <col min="15877" max="15883" width="13.5" style="1" customWidth="1"/>
    <col min="15884" max="15884" width="13.625" style="1" customWidth="1"/>
    <col min="15885" max="15885" width="14.5" style="1" customWidth="1"/>
    <col min="15886" max="15886" width="16.375" style="1" customWidth="1"/>
    <col min="15887" max="16130" width="12.625" style="1"/>
    <col min="16131" max="16131" width="4" style="1" customWidth="1"/>
    <col min="16132" max="16132" width="24.125" style="1" customWidth="1"/>
    <col min="16133" max="16139" width="13.5" style="1" customWidth="1"/>
    <col min="16140" max="16140" width="13.625" style="1" customWidth="1"/>
    <col min="16141" max="16141" width="14.5" style="1" customWidth="1"/>
    <col min="16142" max="16142" width="16.375" style="1" customWidth="1"/>
    <col min="16143" max="16384" width="12.625" style="1"/>
  </cols>
  <sheetData>
    <row r="1" spans="1:12" ht="24" customHeight="1">
      <c r="A1" s="69" t="s">
        <v>102</v>
      </c>
      <c r="B1" s="9"/>
      <c r="C1" s="9"/>
    </row>
    <row r="2" spans="1:12" s="2" customFormat="1" ht="30" customHeight="1">
      <c r="A2" s="84" t="s">
        <v>111</v>
      </c>
      <c r="B2" s="84"/>
      <c r="C2" s="84"/>
      <c r="D2" s="84"/>
      <c r="E2" s="84"/>
      <c r="F2" s="84"/>
      <c r="G2" s="84"/>
      <c r="H2" s="84"/>
      <c r="I2" s="84"/>
      <c r="J2" s="84"/>
      <c r="K2" s="84"/>
      <c r="L2" s="84"/>
    </row>
    <row r="3" spans="1:12" ht="24" customHeight="1">
      <c r="I3" s="3" t="s">
        <v>22</v>
      </c>
      <c r="J3" s="4"/>
      <c r="K3" s="3"/>
      <c r="L3" s="4"/>
    </row>
    <row r="4" spans="1:12" ht="7.5" customHeight="1" thickBot="1"/>
    <row r="5" spans="1:12" ht="24" customHeight="1">
      <c r="A5" s="88" t="s">
        <v>66</v>
      </c>
      <c r="B5" s="88" t="s">
        <v>67</v>
      </c>
      <c r="C5" s="88" t="s">
        <v>68</v>
      </c>
      <c r="D5" s="93" t="s">
        <v>0</v>
      </c>
      <c r="E5" s="88" t="s">
        <v>1</v>
      </c>
      <c r="F5" s="85" t="s">
        <v>69</v>
      </c>
      <c r="G5" s="88" t="s">
        <v>65</v>
      </c>
      <c r="H5" s="88" t="s">
        <v>64</v>
      </c>
      <c r="I5" s="85" t="s">
        <v>71</v>
      </c>
      <c r="J5" s="85" t="s">
        <v>9</v>
      </c>
      <c r="K5" s="94" t="s">
        <v>63</v>
      </c>
      <c r="L5" s="97" t="s">
        <v>6</v>
      </c>
    </row>
    <row r="6" spans="1:12" ht="24" customHeight="1">
      <c r="A6" s="89"/>
      <c r="B6" s="89"/>
      <c r="C6" s="89"/>
      <c r="D6" s="91"/>
      <c r="E6" s="89"/>
      <c r="F6" s="86"/>
      <c r="G6" s="91"/>
      <c r="H6" s="89"/>
      <c r="I6" s="92"/>
      <c r="J6" s="86"/>
      <c r="K6" s="95"/>
      <c r="L6" s="98"/>
    </row>
    <row r="7" spans="1:12" ht="24" customHeight="1">
      <c r="A7" s="89"/>
      <c r="B7" s="89"/>
      <c r="C7" s="89"/>
      <c r="D7" s="91"/>
      <c r="E7" s="89"/>
      <c r="F7" s="86"/>
      <c r="G7" s="91"/>
      <c r="H7" s="89"/>
      <c r="I7" s="92"/>
      <c r="J7" s="86"/>
      <c r="K7" s="95"/>
      <c r="L7" s="98"/>
    </row>
    <row r="8" spans="1:12" ht="24" customHeight="1">
      <c r="A8" s="89"/>
      <c r="B8" s="89"/>
      <c r="C8" s="89"/>
      <c r="D8" s="91"/>
      <c r="E8" s="89"/>
      <c r="F8" s="87"/>
      <c r="G8" s="91"/>
      <c r="H8" s="90"/>
      <c r="I8" s="92"/>
      <c r="J8" s="86"/>
      <c r="K8" s="96"/>
      <c r="L8" s="98"/>
    </row>
    <row r="9" spans="1:12" ht="24" customHeight="1">
      <c r="A9" s="81"/>
      <c r="B9" s="6"/>
      <c r="C9" s="6"/>
      <c r="D9" s="6" t="s">
        <v>2</v>
      </c>
      <c r="E9" s="6" t="s">
        <v>3</v>
      </c>
      <c r="F9" s="28" t="s">
        <v>23</v>
      </c>
      <c r="G9" s="6" t="s">
        <v>4</v>
      </c>
      <c r="H9" s="6" t="s">
        <v>5</v>
      </c>
      <c r="I9" s="28" t="s">
        <v>70</v>
      </c>
      <c r="J9" s="30" t="s">
        <v>7</v>
      </c>
      <c r="K9" s="7" t="s">
        <v>8</v>
      </c>
      <c r="L9" s="31" t="s">
        <v>78</v>
      </c>
    </row>
    <row r="10" spans="1:12" ht="121.5" customHeight="1" thickBot="1">
      <c r="A10" s="82"/>
      <c r="B10" s="80"/>
      <c r="C10" s="68"/>
      <c r="D10" s="8"/>
      <c r="E10" s="8">
        <v>0</v>
      </c>
      <c r="F10" s="29">
        <f>D10-E10</f>
        <v>0</v>
      </c>
      <c r="G10" s="5"/>
      <c r="H10" s="5"/>
      <c r="I10" s="29">
        <f>MIN(H10,G10)</f>
        <v>0</v>
      </c>
      <c r="J10" s="29">
        <f>MIN(I10,F10)</f>
        <v>0</v>
      </c>
      <c r="K10" s="66" t="s">
        <v>72</v>
      </c>
      <c r="L10" s="32">
        <f>ROUNDDOWN(J10*0.5,-3)</f>
        <v>0</v>
      </c>
    </row>
    <row r="11" spans="1:12" ht="26.45" customHeight="1">
      <c r="A11" s="27" t="s">
        <v>28</v>
      </c>
      <c r="B11" s="63"/>
      <c r="C11" s="63"/>
      <c r="D11" s="27"/>
      <c r="E11" s="27"/>
      <c r="F11" s="27"/>
      <c r="G11" s="27"/>
      <c r="H11" s="27"/>
      <c r="I11" s="27"/>
      <c r="J11" s="27"/>
      <c r="K11" s="27"/>
      <c r="L11" s="27"/>
    </row>
  </sheetData>
  <mergeCells count="13">
    <mergeCell ref="A2:L2"/>
    <mergeCell ref="F5:F8"/>
    <mergeCell ref="H5:H8"/>
    <mergeCell ref="G5:G8"/>
    <mergeCell ref="I5:I8"/>
    <mergeCell ref="D5:D8"/>
    <mergeCell ref="E5:E8"/>
    <mergeCell ref="J5:J8"/>
    <mergeCell ref="K5:K8"/>
    <mergeCell ref="L5:L8"/>
    <mergeCell ref="A5:A8"/>
    <mergeCell ref="C5:C8"/>
    <mergeCell ref="B5:B8"/>
  </mergeCells>
  <phoneticPr fontId="3"/>
  <printOptions horizontalCentered="1" verticalCentered="1"/>
  <pageMargins left="0.39370078740157483" right="0.39370078740157483" top="0.78740157480314965" bottom="0.78740157480314965" header="0.39370078740157483" footer="0.39370078740157483"/>
  <pageSetup paperSize="9" scale="76" orientation="landscape" r:id="rId1"/>
  <headerFooter alignWithMargins="0">
    <oddHeader>&amp;L様式１関係</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5"/>
  <sheetViews>
    <sheetView workbookViewId="0">
      <selection sqref="A1:A5"/>
    </sheetView>
  </sheetViews>
  <sheetFormatPr defaultRowHeight="14.25"/>
  <sheetData>
    <row r="1" spans="1:1">
      <c r="A1" s="67" t="s">
        <v>73</v>
      </c>
    </row>
    <row r="2" spans="1:1">
      <c r="A2" s="67" t="s">
        <v>74</v>
      </c>
    </row>
    <row r="3" spans="1:1">
      <c r="A3" s="67" t="s">
        <v>75</v>
      </c>
    </row>
    <row r="4" spans="1:1">
      <c r="A4" s="67" t="s">
        <v>76</v>
      </c>
    </row>
    <row r="5" spans="1:1">
      <c r="A5" s="67" t="s">
        <v>77</v>
      </c>
    </row>
  </sheetData>
  <phoneticPr fontId="3"/>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9"/>
  <sheetViews>
    <sheetView view="pageBreakPreview" zoomScale="70" zoomScaleNormal="100" zoomScaleSheetLayoutView="70" workbookViewId="0">
      <selection activeCell="I15" sqref="I15"/>
    </sheetView>
  </sheetViews>
  <sheetFormatPr defaultColWidth="12.625" defaultRowHeight="24" customHeight="1"/>
  <cols>
    <col min="1" max="12" width="14" style="1" customWidth="1"/>
    <col min="13" max="13" width="14.5" style="1" customWidth="1"/>
    <col min="14" max="14" width="16.375" style="1" customWidth="1"/>
    <col min="15" max="258" width="12.625" style="1"/>
    <col min="259" max="259" width="4" style="1" customWidth="1"/>
    <col min="260" max="260" width="24.125" style="1" customWidth="1"/>
    <col min="261" max="267" width="13.5" style="1" customWidth="1"/>
    <col min="268" max="268" width="13.625" style="1" customWidth="1"/>
    <col min="269" max="269" width="14.5" style="1" customWidth="1"/>
    <col min="270" max="270" width="16.375" style="1" customWidth="1"/>
    <col min="271" max="514" width="12.625" style="1"/>
    <col min="515" max="515" width="4" style="1" customWidth="1"/>
    <col min="516" max="516" width="24.125" style="1" customWidth="1"/>
    <col min="517" max="523" width="13.5" style="1" customWidth="1"/>
    <col min="524" max="524" width="13.625" style="1" customWidth="1"/>
    <col min="525" max="525" width="14.5" style="1" customWidth="1"/>
    <col min="526" max="526" width="16.375" style="1" customWidth="1"/>
    <col min="527" max="770" width="12.625" style="1"/>
    <col min="771" max="771" width="4" style="1" customWidth="1"/>
    <col min="772" max="772" width="24.125" style="1" customWidth="1"/>
    <col min="773" max="779" width="13.5" style="1" customWidth="1"/>
    <col min="780" max="780" width="13.625" style="1" customWidth="1"/>
    <col min="781" max="781" width="14.5" style="1" customWidth="1"/>
    <col min="782" max="782" width="16.375" style="1" customWidth="1"/>
    <col min="783" max="1026" width="12.625" style="1"/>
    <col min="1027" max="1027" width="4" style="1" customWidth="1"/>
    <col min="1028" max="1028" width="24.125" style="1" customWidth="1"/>
    <col min="1029" max="1035" width="13.5" style="1" customWidth="1"/>
    <col min="1036" max="1036" width="13.625" style="1" customWidth="1"/>
    <col min="1037" max="1037" width="14.5" style="1" customWidth="1"/>
    <col min="1038" max="1038" width="16.375" style="1" customWidth="1"/>
    <col min="1039" max="1282" width="12.625" style="1"/>
    <col min="1283" max="1283" width="4" style="1" customWidth="1"/>
    <col min="1284" max="1284" width="24.125" style="1" customWidth="1"/>
    <col min="1285" max="1291" width="13.5" style="1" customWidth="1"/>
    <col min="1292" max="1292" width="13.625" style="1" customWidth="1"/>
    <col min="1293" max="1293" width="14.5" style="1" customWidth="1"/>
    <col min="1294" max="1294" width="16.375" style="1" customWidth="1"/>
    <col min="1295" max="1538" width="12.625" style="1"/>
    <col min="1539" max="1539" width="4" style="1" customWidth="1"/>
    <col min="1540" max="1540" width="24.125" style="1" customWidth="1"/>
    <col min="1541" max="1547" width="13.5" style="1" customWidth="1"/>
    <col min="1548" max="1548" width="13.625" style="1" customWidth="1"/>
    <col min="1549" max="1549" width="14.5" style="1" customWidth="1"/>
    <col min="1550" max="1550" width="16.375" style="1" customWidth="1"/>
    <col min="1551" max="1794" width="12.625" style="1"/>
    <col min="1795" max="1795" width="4" style="1" customWidth="1"/>
    <col min="1796" max="1796" width="24.125" style="1" customWidth="1"/>
    <col min="1797" max="1803" width="13.5" style="1" customWidth="1"/>
    <col min="1804" max="1804" width="13.625" style="1" customWidth="1"/>
    <col min="1805" max="1805" width="14.5" style="1" customWidth="1"/>
    <col min="1806" max="1806" width="16.375" style="1" customWidth="1"/>
    <col min="1807" max="2050" width="12.625" style="1"/>
    <col min="2051" max="2051" width="4" style="1" customWidth="1"/>
    <col min="2052" max="2052" width="24.125" style="1" customWidth="1"/>
    <col min="2053" max="2059" width="13.5" style="1" customWidth="1"/>
    <col min="2060" max="2060" width="13.625" style="1" customWidth="1"/>
    <col min="2061" max="2061" width="14.5" style="1" customWidth="1"/>
    <col min="2062" max="2062" width="16.375" style="1" customWidth="1"/>
    <col min="2063" max="2306" width="12.625" style="1"/>
    <col min="2307" max="2307" width="4" style="1" customWidth="1"/>
    <col min="2308" max="2308" width="24.125" style="1" customWidth="1"/>
    <col min="2309" max="2315" width="13.5" style="1" customWidth="1"/>
    <col min="2316" max="2316" width="13.625" style="1" customWidth="1"/>
    <col min="2317" max="2317" width="14.5" style="1" customWidth="1"/>
    <col min="2318" max="2318" width="16.375" style="1" customWidth="1"/>
    <col min="2319" max="2562" width="12.625" style="1"/>
    <col min="2563" max="2563" width="4" style="1" customWidth="1"/>
    <col min="2564" max="2564" width="24.125" style="1" customWidth="1"/>
    <col min="2565" max="2571" width="13.5" style="1" customWidth="1"/>
    <col min="2572" max="2572" width="13.625" style="1" customWidth="1"/>
    <col min="2573" max="2573" width="14.5" style="1" customWidth="1"/>
    <col min="2574" max="2574" width="16.375" style="1" customWidth="1"/>
    <col min="2575" max="2818" width="12.625" style="1"/>
    <col min="2819" max="2819" width="4" style="1" customWidth="1"/>
    <col min="2820" max="2820" width="24.125" style="1" customWidth="1"/>
    <col min="2821" max="2827" width="13.5" style="1" customWidth="1"/>
    <col min="2828" max="2828" width="13.625" style="1" customWidth="1"/>
    <col min="2829" max="2829" width="14.5" style="1" customWidth="1"/>
    <col min="2830" max="2830" width="16.375" style="1" customWidth="1"/>
    <col min="2831" max="3074" width="12.625" style="1"/>
    <col min="3075" max="3075" width="4" style="1" customWidth="1"/>
    <col min="3076" max="3076" width="24.125" style="1" customWidth="1"/>
    <col min="3077" max="3083" width="13.5" style="1" customWidth="1"/>
    <col min="3084" max="3084" width="13.625" style="1" customWidth="1"/>
    <col min="3085" max="3085" width="14.5" style="1" customWidth="1"/>
    <col min="3086" max="3086" width="16.375" style="1" customWidth="1"/>
    <col min="3087" max="3330" width="12.625" style="1"/>
    <col min="3331" max="3331" width="4" style="1" customWidth="1"/>
    <col min="3332" max="3332" width="24.125" style="1" customWidth="1"/>
    <col min="3333" max="3339" width="13.5" style="1" customWidth="1"/>
    <col min="3340" max="3340" width="13.625" style="1" customWidth="1"/>
    <col min="3341" max="3341" width="14.5" style="1" customWidth="1"/>
    <col min="3342" max="3342" width="16.375" style="1" customWidth="1"/>
    <col min="3343" max="3586" width="12.625" style="1"/>
    <col min="3587" max="3587" width="4" style="1" customWidth="1"/>
    <col min="3588" max="3588" width="24.125" style="1" customWidth="1"/>
    <col min="3589" max="3595" width="13.5" style="1" customWidth="1"/>
    <col min="3596" max="3596" width="13.625" style="1" customWidth="1"/>
    <col min="3597" max="3597" width="14.5" style="1" customWidth="1"/>
    <col min="3598" max="3598" width="16.375" style="1" customWidth="1"/>
    <col min="3599" max="3842" width="12.625" style="1"/>
    <col min="3843" max="3843" width="4" style="1" customWidth="1"/>
    <col min="3844" max="3844" width="24.125" style="1" customWidth="1"/>
    <col min="3845" max="3851" width="13.5" style="1" customWidth="1"/>
    <col min="3852" max="3852" width="13.625" style="1" customWidth="1"/>
    <col min="3853" max="3853" width="14.5" style="1" customWidth="1"/>
    <col min="3854" max="3854" width="16.375" style="1" customWidth="1"/>
    <col min="3855" max="4098" width="12.625" style="1"/>
    <col min="4099" max="4099" width="4" style="1" customWidth="1"/>
    <col min="4100" max="4100" width="24.125" style="1" customWidth="1"/>
    <col min="4101" max="4107" width="13.5" style="1" customWidth="1"/>
    <col min="4108" max="4108" width="13.625" style="1" customWidth="1"/>
    <col min="4109" max="4109" width="14.5" style="1" customWidth="1"/>
    <col min="4110" max="4110" width="16.375" style="1" customWidth="1"/>
    <col min="4111" max="4354" width="12.625" style="1"/>
    <col min="4355" max="4355" width="4" style="1" customWidth="1"/>
    <col min="4356" max="4356" width="24.125" style="1" customWidth="1"/>
    <col min="4357" max="4363" width="13.5" style="1" customWidth="1"/>
    <col min="4364" max="4364" width="13.625" style="1" customWidth="1"/>
    <col min="4365" max="4365" width="14.5" style="1" customWidth="1"/>
    <col min="4366" max="4366" width="16.375" style="1" customWidth="1"/>
    <col min="4367" max="4610" width="12.625" style="1"/>
    <col min="4611" max="4611" width="4" style="1" customWidth="1"/>
    <col min="4612" max="4612" width="24.125" style="1" customWidth="1"/>
    <col min="4613" max="4619" width="13.5" style="1" customWidth="1"/>
    <col min="4620" max="4620" width="13.625" style="1" customWidth="1"/>
    <col min="4621" max="4621" width="14.5" style="1" customWidth="1"/>
    <col min="4622" max="4622" width="16.375" style="1" customWidth="1"/>
    <col min="4623" max="4866" width="12.625" style="1"/>
    <col min="4867" max="4867" width="4" style="1" customWidth="1"/>
    <col min="4868" max="4868" width="24.125" style="1" customWidth="1"/>
    <col min="4869" max="4875" width="13.5" style="1" customWidth="1"/>
    <col min="4876" max="4876" width="13.625" style="1" customWidth="1"/>
    <col min="4877" max="4877" width="14.5" style="1" customWidth="1"/>
    <col min="4878" max="4878" width="16.375" style="1" customWidth="1"/>
    <col min="4879" max="5122" width="12.625" style="1"/>
    <col min="5123" max="5123" width="4" style="1" customWidth="1"/>
    <col min="5124" max="5124" width="24.125" style="1" customWidth="1"/>
    <col min="5125" max="5131" width="13.5" style="1" customWidth="1"/>
    <col min="5132" max="5132" width="13.625" style="1" customWidth="1"/>
    <col min="5133" max="5133" width="14.5" style="1" customWidth="1"/>
    <col min="5134" max="5134" width="16.375" style="1" customWidth="1"/>
    <col min="5135" max="5378" width="12.625" style="1"/>
    <col min="5379" max="5379" width="4" style="1" customWidth="1"/>
    <col min="5380" max="5380" width="24.125" style="1" customWidth="1"/>
    <col min="5381" max="5387" width="13.5" style="1" customWidth="1"/>
    <col min="5388" max="5388" width="13.625" style="1" customWidth="1"/>
    <col min="5389" max="5389" width="14.5" style="1" customWidth="1"/>
    <col min="5390" max="5390" width="16.375" style="1" customWidth="1"/>
    <col min="5391" max="5634" width="12.625" style="1"/>
    <col min="5635" max="5635" width="4" style="1" customWidth="1"/>
    <col min="5636" max="5636" width="24.125" style="1" customWidth="1"/>
    <col min="5637" max="5643" width="13.5" style="1" customWidth="1"/>
    <col min="5644" max="5644" width="13.625" style="1" customWidth="1"/>
    <col min="5645" max="5645" width="14.5" style="1" customWidth="1"/>
    <col min="5646" max="5646" width="16.375" style="1" customWidth="1"/>
    <col min="5647" max="5890" width="12.625" style="1"/>
    <col min="5891" max="5891" width="4" style="1" customWidth="1"/>
    <col min="5892" max="5892" width="24.125" style="1" customWidth="1"/>
    <col min="5893" max="5899" width="13.5" style="1" customWidth="1"/>
    <col min="5900" max="5900" width="13.625" style="1" customWidth="1"/>
    <col min="5901" max="5901" width="14.5" style="1" customWidth="1"/>
    <col min="5902" max="5902" width="16.375" style="1" customWidth="1"/>
    <col min="5903" max="6146" width="12.625" style="1"/>
    <col min="6147" max="6147" width="4" style="1" customWidth="1"/>
    <col min="6148" max="6148" width="24.125" style="1" customWidth="1"/>
    <col min="6149" max="6155" width="13.5" style="1" customWidth="1"/>
    <col min="6156" max="6156" width="13.625" style="1" customWidth="1"/>
    <col min="6157" max="6157" width="14.5" style="1" customWidth="1"/>
    <col min="6158" max="6158" width="16.375" style="1" customWidth="1"/>
    <col min="6159" max="6402" width="12.625" style="1"/>
    <col min="6403" max="6403" width="4" style="1" customWidth="1"/>
    <col min="6404" max="6404" width="24.125" style="1" customWidth="1"/>
    <col min="6405" max="6411" width="13.5" style="1" customWidth="1"/>
    <col min="6412" max="6412" width="13.625" style="1" customWidth="1"/>
    <col min="6413" max="6413" width="14.5" style="1" customWidth="1"/>
    <col min="6414" max="6414" width="16.375" style="1" customWidth="1"/>
    <col min="6415" max="6658" width="12.625" style="1"/>
    <col min="6659" max="6659" width="4" style="1" customWidth="1"/>
    <col min="6660" max="6660" width="24.125" style="1" customWidth="1"/>
    <col min="6661" max="6667" width="13.5" style="1" customWidth="1"/>
    <col min="6668" max="6668" width="13.625" style="1" customWidth="1"/>
    <col min="6669" max="6669" width="14.5" style="1" customWidth="1"/>
    <col min="6670" max="6670" width="16.375" style="1" customWidth="1"/>
    <col min="6671" max="6914" width="12.625" style="1"/>
    <col min="6915" max="6915" width="4" style="1" customWidth="1"/>
    <col min="6916" max="6916" width="24.125" style="1" customWidth="1"/>
    <col min="6917" max="6923" width="13.5" style="1" customWidth="1"/>
    <col min="6924" max="6924" width="13.625" style="1" customWidth="1"/>
    <col min="6925" max="6925" width="14.5" style="1" customWidth="1"/>
    <col min="6926" max="6926" width="16.375" style="1" customWidth="1"/>
    <col min="6927" max="7170" width="12.625" style="1"/>
    <col min="7171" max="7171" width="4" style="1" customWidth="1"/>
    <col min="7172" max="7172" width="24.125" style="1" customWidth="1"/>
    <col min="7173" max="7179" width="13.5" style="1" customWidth="1"/>
    <col min="7180" max="7180" width="13.625" style="1" customWidth="1"/>
    <col min="7181" max="7181" width="14.5" style="1" customWidth="1"/>
    <col min="7182" max="7182" width="16.375" style="1" customWidth="1"/>
    <col min="7183" max="7426" width="12.625" style="1"/>
    <col min="7427" max="7427" width="4" style="1" customWidth="1"/>
    <col min="7428" max="7428" width="24.125" style="1" customWidth="1"/>
    <col min="7429" max="7435" width="13.5" style="1" customWidth="1"/>
    <col min="7436" max="7436" width="13.625" style="1" customWidth="1"/>
    <col min="7437" max="7437" width="14.5" style="1" customWidth="1"/>
    <col min="7438" max="7438" width="16.375" style="1" customWidth="1"/>
    <col min="7439" max="7682" width="12.625" style="1"/>
    <col min="7683" max="7683" width="4" style="1" customWidth="1"/>
    <col min="7684" max="7684" width="24.125" style="1" customWidth="1"/>
    <col min="7685" max="7691" width="13.5" style="1" customWidth="1"/>
    <col min="7692" max="7692" width="13.625" style="1" customWidth="1"/>
    <col min="7693" max="7693" width="14.5" style="1" customWidth="1"/>
    <col min="7694" max="7694" width="16.375" style="1" customWidth="1"/>
    <col min="7695" max="7938" width="12.625" style="1"/>
    <col min="7939" max="7939" width="4" style="1" customWidth="1"/>
    <col min="7940" max="7940" width="24.125" style="1" customWidth="1"/>
    <col min="7941" max="7947" width="13.5" style="1" customWidth="1"/>
    <col min="7948" max="7948" width="13.625" style="1" customWidth="1"/>
    <col min="7949" max="7949" width="14.5" style="1" customWidth="1"/>
    <col min="7950" max="7950" width="16.375" style="1" customWidth="1"/>
    <col min="7951" max="8194" width="12.625" style="1"/>
    <col min="8195" max="8195" width="4" style="1" customWidth="1"/>
    <col min="8196" max="8196" width="24.125" style="1" customWidth="1"/>
    <col min="8197" max="8203" width="13.5" style="1" customWidth="1"/>
    <col min="8204" max="8204" width="13.625" style="1" customWidth="1"/>
    <col min="8205" max="8205" width="14.5" style="1" customWidth="1"/>
    <col min="8206" max="8206" width="16.375" style="1" customWidth="1"/>
    <col min="8207" max="8450" width="12.625" style="1"/>
    <col min="8451" max="8451" width="4" style="1" customWidth="1"/>
    <col min="8452" max="8452" width="24.125" style="1" customWidth="1"/>
    <col min="8453" max="8459" width="13.5" style="1" customWidth="1"/>
    <col min="8460" max="8460" width="13.625" style="1" customWidth="1"/>
    <col min="8461" max="8461" width="14.5" style="1" customWidth="1"/>
    <col min="8462" max="8462" width="16.375" style="1" customWidth="1"/>
    <col min="8463" max="8706" width="12.625" style="1"/>
    <col min="8707" max="8707" width="4" style="1" customWidth="1"/>
    <col min="8708" max="8708" width="24.125" style="1" customWidth="1"/>
    <col min="8709" max="8715" width="13.5" style="1" customWidth="1"/>
    <col min="8716" max="8716" width="13.625" style="1" customWidth="1"/>
    <col min="8717" max="8717" width="14.5" style="1" customWidth="1"/>
    <col min="8718" max="8718" width="16.375" style="1" customWidth="1"/>
    <col min="8719" max="8962" width="12.625" style="1"/>
    <col min="8963" max="8963" width="4" style="1" customWidth="1"/>
    <col min="8964" max="8964" width="24.125" style="1" customWidth="1"/>
    <col min="8965" max="8971" width="13.5" style="1" customWidth="1"/>
    <col min="8972" max="8972" width="13.625" style="1" customWidth="1"/>
    <col min="8973" max="8973" width="14.5" style="1" customWidth="1"/>
    <col min="8974" max="8974" width="16.375" style="1" customWidth="1"/>
    <col min="8975" max="9218" width="12.625" style="1"/>
    <col min="9219" max="9219" width="4" style="1" customWidth="1"/>
    <col min="9220" max="9220" width="24.125" style="1" customWidth="1"/>
    <col min="9221" max="9227" width="13.5" style="1" customWidth="1"/>
    <col min="9228" max="9228" width="13.625" style="1" customWidth="1"/>
    <col min="9229" max="9229" width="14.5" style="1" customWidth="1"/>
    <col min="9230" max="9230" width="16.375" style="1" customWidth="1"/>
    <col min="9231" max="9474" width="12.625" style="1"/>
    <col min="9475" max="9475" width="4" style="1" customWidth="1"/>
    <col min="9476" max="9476" width="24.125" style="1" customWidth="1"/>
    <col min="9477" max="9483" width="13.5" style="1" customWidth="1"/>
    <col min="9484" max="9484" width="13.625" style="1" customWidth="1"/>
    <col min="9485" max="9485" width="14.5" style="1" customWidth="1"/>
    <col min="9486" max="9486" width="16.375" style="1" customWidth="1"/>
    <col min="9487" max="9730" width="12.625" style="1"/>
    <col min="9731" max="9731" width="4" style="1" customWidth="1"/>
    <col min="9732" max="9732" width="24.125" style="1" customWidth="1"/>
    <col min="9733" max="9739" width="13.5" style="1" customWidth="1"/>
    <col min="9740" max="9740" width="13.625" style="1" customWidth="1"/>
    <col min="9741" max="9741" width="14.5" style="1" customWidth="1"/>
    <col min="9742" max="9742" width="16.375" style="1" customWidth="1"/>
    <col min="9743" max="9986" width="12.625" style="1"/>
    <col min="9987" max="9987" width="4" style="1" customWidth="1"/>
    <col min="9988" max="9988" width="24.125" style="1" customWidth="1"/>
    <col min="9989" max="9995" width="13.5" style="1" customWidth="1"/>
    <col min="9996" max="9996" width="13.625" style="1" customWidth="1"/>
    <col min="9997" max="9997" width="14.5" style="1" customWidth="1"/>
    <col min="9998" max="9998" width="16.375" style="1" customWidth="1"/>
    <col min="9999" max="10242" width="12.625" style="1"/>
    <col min="10243" max="10243" width="4" style="1" customWidth="1"/>
    <col min="10244" max="10244" width="24.125" style="1" customWidth="1"/>
    <col min="10245" max="10251" width="13.5" style="1" customWidth="1"/>
    <col min="10252" max="10252" width="13.625" style="1" customWidth="1"/>
    <col min="10253" max="10253" width="14.5" style="1" customWidth="1"/>
    <col min="10254" max="10254" width="16.375" style="1" customWidth="1"/>
    <col min="10255" max="10498" width="12.625" style="1"/>
    <col min="10499" max="10499" width="4" style="1" customWidth="1"/>
    <col min="10500" max="10500" width="24.125" style="1" customWidth="1"/>
    <col min="10501" max="10507" width="13.5" style="1" customWidth="1"/>
    <col min="10508" max="10508" width="13.625" style="1" customWidth="1"/>
    <col min="10509" max="10509" width="14.5" style="1" customWidth="1"/>
    <col min="10510" max="10510" width="16.375" style="1" customWidth="1"/>
    <col min="10511" max="10754" width="12.625" style="1"/>
    <col min="10755" max="10755" width="4" style="1" customWidth="1"/>
    <col min="10756" max="10756" width="24.125" style="1" customWidth="1"/>
    <col min="10757" max="10763" width="13.5" style="1" customWidth="1"/>
    <col min="10764" max="10764" width="13.625" style="1" customWidth="1"/>
    <col min="10765" max="10765" width="14.5" style="1" customWidth="1"/>
    <col min="10766" max="10766" width="16.375" style="1" customWidth="1"/>
    <col min="10767" max="11010" width="12.625" style="1"/>
    <col min="11011" max="11011" width="4" style="1" customWidth="1"/>
    <col min="11012" max="11012" width="24.125" style="1" customWidth="1"/>
    <col min="11013" max="11019" width="13.5" style="1" customWidth="1"/>
    <col min="11020" max="11020" width="13.625" style="1" customWidth="1"/>
    <col min="11021" max="11021" width="14.5" style="1" customWidth="1"/>
    <col min="11022" max="11022" width="16.375" style="1" customWidth="1"/>
    <col min="11023" max="11266" width="12.625" style="1"/>
    <col min="11267" max="11267" width="4" style="1" customWidth="1"/>
    <col min="11268" max="11268" width="24.125" style="1" customWidth="1"/>
    <col min="11269" max="11275" width="13.5" style="1" customWidth="1"/>
    <col min="11276" max="11276" width="13.625" style="1" customWidth="1"/>
    <col min="11277" max="11277" width="14.5" style="1" customWidth="1"/>
    <col min="11278" max="11278" width="16.375" style="1" customWidth="1"/>
    <col min="11279" max="11522" width="12.625" style="1"/>
    <col min="11523" max="11523" width="4" style="1" customWidth="1"/>
    <col min="11524" max="11524" width="24.125" style="1" customWidth="1"/>
    <col min="11525" max="11531" width="13.5" style="1" customWidth="1"/>
    <col min="11532" max="11532" width="13.625" style="1" customWidth="1"/>
    <col min="11533" max="11533" width="14.5" style="1" customWidth="1"/>
    <col min="11534" max="11534" width="16.375" style="1" customWidth="1"/>
    <col min="11535" max="11778" width="12.625" style="1"/>
    <col min="11779" max="11779" width="4" style="1" customWidth="1"/>
    <col min="11780" max="11780" width="24.125" style="1" customWidth="1"/>
    <col min="11781" max="11787" width="13.5" style="1" customWidth="1"/>
    <col min="11788" max="11788" width="13.625" style="1" customWidth="1"/>
    <col min="11789" max="11789" width="14.5" style="1" customWidth="1"/>
    <col min="11790" max="11790" width="16.375" style="1" customWidth="1"/>
    <col min="11791" max="12034" width="12.625" style="1"/>
    <col min="12035" max="12035" width="4" style="1" customWidth="1"/>
    <col min="12036" max="12036" width="24.125" style="1" customWidth="1"/>
    <col min="12037" max="12043" width="13.5" style="1" customWidth="1"/>
    <col min="12044" max="12044" width="13.625" style="1" customWidth="1"/>
    <col min="12045" max="12045" width="14.5" style="1" customWidth="1"/>
    <col min="12046" max="12046" width="16.375" style="1" customWidth="1"/>
    <col min="12047" max="12290" width="12.625" style="1"/>
    <col min="12291" max="12291" width="4" style="1" customWidth="1"/>
    <col min="12292" max="12292" width="24.125" style="1" customWidth="1"/>
    <col min="12293" max="12299" width="13.5" style="1" customWidth="1"/>
    <col min="12300" max="12300" width="13.625" style="1" customWidth="1"/>
    <col min="12301" max="12301" width="14.5" style="1" customWidth="1"/>
    <col min="12302" max="12302" width="16.375" style="1" customWidth="1"/>
    <col min="12303" max="12546" width="12.625" style="1"/>
    <col min="12547" max="12547" width="4" style="1" customWidth="1"/>
    <col min="12548" max="12548" width="24.125" style="1" customWidth="1"/>
    <col min="12549" max="12555" width="13.5" style="1" customWidth="1"/>
    <col min="12556" max="12556" width="13.625" style="1" customWidth="1"/>
    <col min="12557" max="12557" width="14.5" style="1" customWidth="1"/>
    <col min="12558" max="12558" width="16.375" style="1" customWidth="1"/>
    <col min="12559" max="12802" width="12.625" style="1"/>
    <col min="12803" max="12803" width="4" style="1" customWidth="1"/>
    <col min="12804" max="12804" width="24.125" style="1" customWidth="1"/>
    <col min="12805" max="12811" width="13.5" style="1" customWidth="1"/>
    <col min="12812" max="12812" width="13.625" style="1" customWidth="1"/>
    <col min="12813" max="12813" width="14.5" style="1" customWidth="1"/>
    <col min="12814" max="12814" width="16.375" style="1" customWidth="1"/>
    <col min="12815" max="13058" width="12.625" style="1"/>
    <col min="13059" max="13059" width="4" style="1" customWidth="1"/>
    <col min="13060" max="13060" width="24.125" style="1" customWidth="1"/>
    <col min="13061" max="13067" width="13.5" style="1" customWidth="1"/>
    <col min="13068" max="13068" width="13.625" style="1" customWidth="1"/>
    <col min="13069" max="13069" width="14.5" style="1" customWidth="1"/>
    <col min="13070" max="13070" width="16.375" style="1" customWidth="1"/>
    <col min="13071" max="13314" width="12.625" style="1"/>
    <col min="13315" max="13315" width="4" style="1" customWidth="1"/>
    <col min="13316" max="13316" width="24.125" style="1" customWidth="1"/>
    <col min="13317" max="13323" width="13.5" style="1" customWidth="1"/>
    <col min="13324" max="13324" width="13.625" style="1" customWidth="1"/>
    <col min="13325" max="13325" width="14.5" style="1" customWidth="1"/>
    <col min="13326" max="13326" width="16.375" style="1" customWidth="1"/>
    <col min="13327" max="13570" width="12.625" style="1"/>
    <col min="13571" max="13571" width="4" style="1" customWidth="1"/>
    <col min="13572" max="13572" width="24.125" style="1" customWidth="1"/>
    <col min="13573" max="13579" width="13.5" style="1" customWidth="1"/>
    <col min="13580" max="13580" width="13.625" style="1" customWidth="1"/>
    <col min="13581" max="13581" width="14.5" style="1" customWidth="1"/>
    <col min="13582" max="13582" width="16.375" style="1" customWidth="1"/>
    <col min="13583" max="13826" width="12.625" style="1"/>
    <col min="13827" max="13827" width="4" style="1" customWidth="1"/>
    <col min="13828" max="13828" width="24.125" style="1" customWidth="1"/>
    <col min="13829" max="13835" width="13.5" style="1" customWidth="1"/>
    <col min="13836" max="13836" width="13.625" style="1" customWidth="1"/>
    <col min="13837" max="13837" width="14.5" style="1" customWidth="1"/>
    <col min="13838" max="13838" width="16.375" style="1" customWidth="1"/>
    <col min="13839" max="14082" width="12.625" style="1"/>
    <col min="14083" max="14083" width="4" style="1" customWidth="1"/>
    <col min="14084" max="14084" width="24.125" style="1" customWidth="1"/>
    <col min="14085" max="14091" width="13.5" style="1" customWidth="1"/>
    <col min="14092" max="14092" width="13.625" style="1" customWidth="1"/>
    <col min="14093" max="14093" width="14.5" style="1" customWidth="1"/>
    <col min="14094" max="14094" width="16.375" style="1" customWidth="1"/>
    <col min="14095" max="14338" width="12.625" style="1"/>
    <col min="14339" max="14339" width="4" style="1" customWidth="1"/>
    <col min="14340" max="14340" width="24.125" style="1" customWidth="1"/>
    <col min="14341" max="14347" width="13.5" style="1" customWidth="1"/>
    <col min="14348" max="14348" width="13.625" style="1" customWidth="1"/>
    <col min="14349" max="14349" width="14.5" style="1" customWidth="1"/>
    <col min="14350" max="14350" width="16.375" style="1" customWidth="1"/>
    <col min="14351" max="14594" width="12.625" style="1"/>
    <col min="14595" max="14595" width="4" style="1" customWidth="1"/>
    <col min="14596" max="14596" width="24.125" style="1" customWidth="1"/>
    <col min="14597" max="14603" width="13.5" style="1" customWidth="1"/>
    <col min="14604" max="14604" width="13.625" style="1" customWidth="1"/>
    <col min="14605" max="14605" width="14.5" style="1" customWidth="1"/>
    <col min="14606" max="14606" width="16.375" style="1" customWidth="1"/>
    <col min="14607" max="14850" width="12.625" style="1"/>
    <col min="14851" max="14851" width="4" style="1" customWidth="1"/>
    <col min="14852" max="14852" width="24.125" style="1" customWidth="1"/>
    <col min="14853" max="14859" width="13.5" style="1" customWidth="1"/>
    <col min="14860" max="14860" width="13.625" style="1" customWidth="1"/>
    <col min="14861" max="14861" width="14.5" style="1" customWidth="1"/>
    <col min="14862" max="14862" width="16.375" style="1" customWidth="1"/>
    <col min="14863" max="15106" width="12.625" style="1"/>
    <col min="15107" max="15107" width="4" style="1" customWidth="1"/>
    <col min="15108" max="15108" width="24.125" style="1" customWidth="1"/>
    <col min="15109" max="15115" width="13.5" style="1" customWidth="1"/>
    <col min="15116" max="15116" width="13.625" style="1" customWidth="1"/>
    <col min="15117" max="15117" width="14.5" style="1" customWidth="1"/>
    <col min="15118" max="15118" width="16.375" style="1" customWidth="1"/>
    <col min="15119" max="15362" width="12.625" style="1"/>
    <col min="15363" max="15363" width="4" style="1" customWidth="1"/>
    <col min="15364" max="15364" width="24.125" style="1" customWidth="1"/>
    <col min="15365" max="15371" width="13.5" style="1" customWidth="1"/>
    <col min="15372" max="15372" width="13.625" style="1" customWidth="1"/>
    <col min="15373" max="15373" width="14.5" style="1" customWidth="1"/>
    <col min="15374" max="15374" width="16.375" style="1" customWidth="1"/>
    <col min="15375" max="15618" width="12.625" style="1"/>
    <col min="15619" max="15619" width="4" style="1" customWidth="1"/>
    <col min="15620" max="15620" width="24.125" style="1" customWidth="1"/>
    <col min="15621" max="15627" width="13.5" style="1" customWidth="1"/>
    <col min="15628" max="15628" width="13.625" style="1" customWidth="1"/>
    <col min="15629" max="15629" width="14.5" style="1" customWidth="1"/>
    <col min="15630" max="15630" width="16.375" style="1" customWidth="1"/>
    <col min="15631" max="15874" width="12.625" style="1"/>
    <col min="15875" max="15875" width="4" style="1" customWidth="1"/>
    <col min="15876" max="15876" width="24.125" style="1" customWidth="1"/>
    <col min="15877" max="15883" width="13.5" style="1" customWidth="1"/>
    <col min="15884" max="15884" width="13.625" style="1" customWidth="1"/>
    <col min="15885" max="15885" width="14.5" style="1" customWidth="1"/>
    <col min="15886" max="15886" width="16.375" style="1" customWidth="1"/>
    <col min="15887" max="16130" width="12.625" style="1"/>
    <col min="16131" max="16131" width="4" style="1" customWidth="1"/>
    <col min="16132" max="16132" width="24.125" style="1" customWidth="1"/>
    <col min="16133" max="16139" width="13.5" style="1" customWidth="1"/>
    <col min="16140" max="16140" width="13.625" style="1" customWidth="1"/>
    <col min="16141" max="16141" width="14.5" style="1" customWidth="1"/>
    <col min="16142" max="16142" width="16.375" style="1" customWidth="1"/>
    <col min="16143" max="16384" width="12.625" style="1"/>
  </cols>
  <sheetData>
    <row r="1" spans="1:12" ht="24" customHeight="1">
      <c r="A1" s="69" t="s">
        <v>102</v>
      </c>
      <c r="B1" s="9"/>
      <c r="C1" s="9"/>
    </row>
    <row r="2" spans="1:12" s="2" customFormat="1" ht="30" customHeight="1">
      <c r="A2" s="84" t="s">
        <v>111</v>
      </c>
      <c r="B2" s="84"/>
      <c r="C2" s="84"/>
      <c r="D2" s="84"/>
      <c r="E2" s="84"/>
      <c r="F2" s="84"/>
      <c r="G2" s="84"/>
      <c r="H2" s="84"/>
      <c r="I2" s="84"/>
      <c r="J2" s="84"/>
      <c r="K2" s="84"/>
      <c r="L2" s="84"/>
    </row>
    <row r="3" spans="1:12" ht="24" customHeight="1">
      <c r="I3" s="3" t="s">
        <v>79</v>
      </c>
      <c r="J3" s="70" t="s">
        <v>80</v>
      </c>
      <c r="K3" s="3"/>
      <c r="L3" s="4"/>
    </row>
    <row r="4" spans="1:12" ht="7.5" customHeight="1" thickBot="1"/>
    <row r="5" spans="1:12" ht="24" customHeight="1">
      <c r="A5" s="88" t="s">
        <v>66</v>
      </c>
      <c r="B5" s="88" t="s">
        <v>67</v>
      </c>
      <c r="C5" s="88" t="s">
        <v>68</v>
      </c>
      <c r="D5" s="93" t="s">
        <v>0</v>
      </c>
      <c r="E5" s="88" t="s">
        <v>1</v>
      </c>
      <c r="F5" s="85" t="s">
        <v>69</v>
      </c>
      <c r="G5" s="88" t="s">
        <v>65</v>
      </c>
      <c r="H5" s="88" t="s">
        <v>64</v>
      </c>
      <c r="I5" s="85" t="s">
        <v>71</v>
      </c>
      <c r="J5" s="85" t="s">
        <v>9</v>
      </c>
      <c r="K5" s="94" t="s">
        <v>63</v>
      </c>
      <c r="L5" s="97" t="s">
        <v>6</v>
      </c>
    </row>
    <row r="6" spans="1:12" ht="24" customHeight="1">
      <c r="A6" s="89"/>
      <c r="B6" s="89"/>
      <c r="C6" s="89"/>
      <c r="D6" s="91"/>
      <c r="E6" s="89"/>
      <c r="F6" s="86"/>
      <c r="G6" s="91"/>
      <c r="H6" s="89"/>
      <c r="I6" s="92"/>
      <c r="J6" s="86"/>
      <c r="K6" s="95"/>
      <c r="L6" s="98"/>
    </row>
    <row r="7" spans="1:12" ht="24" customHeight="1">
      <c r="A7" s="89"/>
      <c r="B7" s="89"/>
      <c r="C7" s="89"/>
      <c r="D7" s="91"/>
      <c r="E7" s="89"/>
      <c r="F7" s="86"/>
      <c r="G7" s="91"/>
      <c r="H7" s="89"/>
      <c r="I7" s="92"/>
      <c r="J7" s="86"/>
      <c r="K7" s="95"/>
      <c r="L7" s="98"/>
    </row>
    <row r="8" spans="1:12" ht="24" customHeight="1">
      <c r="A8" s="89"/>
      <c r="B8" s="89"/>
      <c r="C8" s="89"/>
      <c r="D8" s="91"/>
      <c r="E8" s="89"/>
      <c r="F8" s="87"/>
      <c r="G8" s="91"/>
      <c r="H8" s="90"/>
      <c r="I8" s="92"/>
      <c r="J8" s="86"/>
      <c r="K8" s="96"/>
      <c r="L8" s="98"/>
    </row>
    <row r="9" spans="1:12" ht="24" customHeight="1">
      <c r="A9" s="6"/>
      <c r="B9" s="6"/>
      <c r="C9" s="6"/>
      <c r="D9" s="6" t="s">
        <v>2</v>
      </c>
      <c r="E9" s="6" t="s">
        <v>3</v>
      </c>
      <c r="F9" s="28" t="s">
        <v>23</v>
      </c>
      <c r="G9" s="6" t="s">
        <v>4</v>
      </c>
      <c r="H9" s="6" t="s">
        <v>5</v>
      </c>
      <c r="I9" s="28" t="s">
        <v>70</v>
      </c>
      <c r="J9" s="30" t="s">
        <v>7</v>
      </c>
      <c r="K9" s="7" t="s">
        <v>8</v>
      </c>
      <c r="L9" s="31" t="s">
        <v>78</v>
      </c>
    </row>
    <row r="10" spans="1:12" ht="121.5" customHeight="1" thickBot="1">
      <c r="A10" s="71" t="s">
        <v>73</v>
      </c>
      <c r="B10" s="71">
        <v>2</v>
      </c>
      <c r="C10" s="71" t="s">
        <v>82</v>
      </c>
      <c r="D10" s="34">
        <v>1600000</v>
      </c>
      <c r="E10" s="34">
        <v>0</v>
      </c>
      <c r="F10" s="29">
        <f>D10-E10</f>
        <v>1600000</v>
      </c>
      <c r="G10" s="33">
        <v>1600000</v>
      </c>
      <c r="H10" s="33">
        <v>2000000</v>
      </c>
      <c r="I10" s="29">
        <f>MIN(H10,G10)</f>
        <v>1600000</v>
      </c>
      <c r="J10" s="29">
        <f>MIN(I10,F10)</f>
        <v>1600000</v>
      </c>
      <c r="K10" s="66" t="s">
        <v>81</v>
      </c>
      <c r="L10" s="32">
        <f>ROUNDDOWN(J10*0.5,-3)</f>
        <v>800000</v>
      </c>
    </row>
    <row r="11" spans="1:12" ht="19.149999999999999" customHeight="1">
      <c r="A11" s="63" t="s">
        <v>28</v>
      </c>
      <c r="B11" s="63"/>
      <c r="C11" s="63"/>
      <c r="D11" s="63"/>
      <c r="E11" s="63"/>
      <c r="F11" s="63"/>
      <c r="G11" s="63"/>
      <c r="H11" s="63"/>
      <c r="I11" s="63"/>
      <c r="J11" s="63"/>
      <c r="K11" s="63"/>
      <c r="L11" s="63"/>
    </row>
    <row r="25" spans="1:1" ht="24" customHeight="1">
      <c r="A25" s="67" t="s">
        <v>73</v>
      </c>
    </row>
    <row r="26" spans="1:1" ht="24" customHeight="1">
      <c r="A26" s="67" t="s">
        <v>74</v>
      </c>
    </row>
    <row r="27" spans="1:1" ht="24" customHeight="1">
      <c r="A27" s="67" t="s">
        <v>75</v>
      </c>
    </row>
    <row r="28" spans="1:1" ht="24" customHeight="1">
      <c r="A28" s="67" t="s">
        <v>76</v>
      </c>
    </row>
    <row r="29" spans="1:1" ht="24" customHeight="1">
      <c r="A29" s="67" t="s">
        <v>77</v>
      </c>
    </row>
  </sheetData>
  <mergeCells count="13">
    <mergeCell ref="J5:J8"/>
    <mergeCell ref="K5:K8"/>
    <mergeCell ref="L5:L8"/>
    <mergeCell ref="A2:L2"/>
    <mergeCell ref="A5:A8"/>
    <mergeCell ref="B5:B8"/>
    <mergeCell ref="C5:C8"/>
    <mergeCell ref="D5:D8"/>
    <mergeCell ref="E5:E8"/>
    <mergeCell ref="F5:F8"/>
    <mergeCell ref="G5:G8"/>
    <mergeCell ref="H5:H8"/>
    <mergeCell ref="I5:I8"/>
  </mergeCells>
  <phoneticPr fontId="3"/>
  <printOptions horizontalCentered="1" verticalCentered="1"/>
  <pageMargins left="0.39370078740157483" right="0.39370078740157483" top="0.78740157480314965" bottom="0.78740157480314965" header="0.39370078740157483" footer="0.39370078740157483"/>
  <pageSetup paperSize="9" scale="70" orientation="landscape" r:id="rId1"/>
  <headerFooter alignWithMargins="0">
    <oddHeader>&amp;L様式１関係</oddHeader>
  </headerFooter>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A$1:$A$5</xm:f>
          </x14:formula1>
          <xm:sqref>A10</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J13"/>
  <sheetViews>
    <sheetView view="pageBreakPreview" zoomScale="80" zoomScaleNormal="100" zoomScaleSheetLayoutView="80" workbookViewId="0">
      <selection activeCell="J1" sqref="J1:J1048576"/>
    </sheetView>
  </sheetViews>
  <sheetFormatPr defaultRowHeight="14.25"/>
  <cols>
    <col min="1" max="1" width="5.125" style="10" customWidth="1"/>
    <col min="2" max="2" width="21.375" style="10" customWidth="1"/>
    <col min="3" max="3" width="36.75" customWidth="1"/>
    <col min="4" max="4" width="18.5" customWidth="1"/>
    <col min="5" max="5" width="23.625" customWidth="1"/>
    <col min="6" max="6" width="5" customWidth="1"/>
    <col min="10" max="10" width="9" customWidth="1"/>
  </cols>
  <sheetData>
    <row r="1" spans="1:10" ht="23.45" customHeight="1">
      <c r="A1" s="73" t="s">
        <v>103</v>
      </c>
      <c r="B1" s="64"/>
      <c r="C1" s="72"/>
      <c r="D1" s="72"/>
      <c r="E1" s="72"/>
    </row>
    <row r="2" spans="1:10" ht="17.25">
      <c r="A2" s="84" t="s">
        <v>106</v>
      </c>
      <c r="B2" s="84"/>
      <c r="C2" s="84"/>
      <c r="D2" s="84"/>
      <c r="E2" s="84"/>
      <c r="F2" s="11"/>
    </row>
    <row r="3" spans="1:10" ht="18.75">
      <c r="F3" s="26"/>
      <c r="H3" s="12"/>
    </row>
    <row r="4" spans="1:10">
      <c r="D4" s="36" t="s">
        <v>21</v>
      </c>
      <c r="E4" s="25"/>
      <c r="F4" s="25"/>
      <c r="H4" s="12"/>
    </row>
    <row r="5" spans="1:10">
      <c r="D5" s="35"/>
      <c r="H5" s="12"/>
    </row>
    <row r="6" spans="1:10">
      <c r="A6" s="74"/>
      <c r="B6" s="77"/>
      <c r="C6" s="75"/>
      <c r="D6" s="75"/>
      <c r="E6" s="75"/>
    </row>
    <row r="7" spans="1:10" ht="78" customHeight="1">
      <c r="A7" s="76"/>
      <c r="B7" s="79" t="s">
        <v>86</v>
      </c>
      <c r="C7" s="100"/>
      <c r="D7" s="100"/>
      <c r="E7" s="100"/>
      <c r="J7" t="s">
        <v>107</v>
      </c>
    </row>
    <row r="8" spans="1:10" ht="78" customHeight="1">
      <c r="A8" s="76"/>
      <c r="B8" s="79" t="s">
        <v>87</v>
      </c>
      <c r="C8" s="101"/>
      <c r="D8" s="102"/>
      <c r="E8" s="103"/>
      <c r="J8" t="s">
        <v>108</v>
      </c>
    </row>
    <row r="9" spans="1:10" ht="78" customHeight="1">
      <c r="A9" s="76"/>
      <c r="B9" s="79" t="s">
        <v>88</v>
      </c>
      <c r="C9" s="101"/>
      <c r="D9" s="102"/>
      <c r="E9" s="103"/>
    </row>
    <row r="10" spans="1:10" ht="36" customHeight="1">
      <c r="A10" s="76"/>
      <c r="B10" s="79" t="s">
        <v>104</v>
      </c>
      <c r="C10" s="145"/>
      <c r="D10" s="146" t="s">
        <v>105</v>
      </c>
      <c r="E10" s="147"/>
    </row>
    <row r="11" spans="1:10" ht="36" customHeight="1">
      <c r="A11" s="76"/>
      <c r="B11" s="79" t="s">
        <v>83</v>
      </c>
      <c r="C11" s="100" t="s">
        <v>85</v>
      </c>
      <c r="D11" s="100"/>
      <c r="E11" s="100"/>
    </row>
    <row r="12" spans="1:10" ht="36" customHeight="1">
      <c r="A12" s="76"/>
      <c r="B12" s="79" t="s">
        <v>84</v>
      </c>
      <c r="C12" s="99">
        <v>46112</v>
      </c>
      <c r="D12" s="100"/>
      <c r="E12" s="100"/>
    </row>
    <row r="13" spans="1:10" ht="36" customHeight="1">
      <c r="A13" s="78"/>
      <c r="B13" s="77"/>
      <c r="C13" s="75"/>
      <c r="D13" s="75"/>
      <c r="E13" s="75"/>
    </row>
  </sheetData>
  <mergeCells count="6">
    <mergeCell ref="C12:E12"/>
    <mergeCell ref="A2:E2"/>
    <mergeCell ref="C7:E7"/>
    <mergeCell ref="C11:E11"/>
    <mergeCell ref="C8:E8"/>
    <mergeCell ref="C9:E9"/>
  </mergeCells>
  <phoneticPr fontId="3"/>
  <dataValidations count="1">
    <dataValidation type="list" showInputMessage="1" showErrorMessage="1" sqref="C10">
      <formula1>$J7:$J8</formula1>
    </dataValidation>
  </dataValidations>
  <printOptions horizontalCentered="1" verticalCentered="1"/>
  <pageMargins left="0.39370078740157483" right="0.39370078740157483" top="0.78740157480314965" bottom="0.78740157480314965" header="0.39370078740157483" footer="0.39370078740157483"/>
  <pageSetup paperSize="9" orientation="landscape" r:id="rId1"/>
  <headerFooter>
    <oddHeader>&amp;L様式１関係</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13"/>
  <sheetViews>
    <sheetView view="pageBreakPreview" zoomScale="80" zoomScaleNormal="100" zoomScaleSheetLayoutView="80" workbookViewId="0">
      <selection activeCell="J1" sqref="J1:J1048576"/>
    </sheetView>
  </sheetViews>
  <sheetFormatPr defaultRowHeight="14.25"/>
  <cols>
    <col min="1" max="1" width="5.125" style="10" customWidth="1"/>
    <col min="2" max="2" width="21.375" style="10" customWidth="1"/>
    <col min="3" max="3" width="45.5" customWidth="1"/>
    <col min="4" max="4" width="18.5" customWidth="1"/>
    <col min="5" max="5" width="11.25" customWidth="1"/>
    <col min="6" max="6" width="5" customWidth="1"/>
    <col min="10" max="10" width="9" hidden="1" customWidth="1"/>
  </cols>
  <sheetData>
    <row r="1" spans="1:10" ht="23.45" customHeight="1">
      <c r="A1" s="73" t="s">
        <v>103</v>
      </c>
      <c r="B1" s="64"/>
      <c r="C1" s="72"/>
      <c r="D1" s="72"/>
      <c r="E1" s="72"/>
    </row>
    <row r="2" spans="1:10" ht="17.25">
      <c r="A2" s="84" t="s">
        <v>106</v>
      </c>
      <c r="B2" s="84"/>
      <c r="C2" s="84"/>
      <c r="D2" s="84"/>
      <c r="E2" s="84"/>
      <c r="F2" s="64"/>
    </row>
    <row r="3" spans="1:10" ht="18.75">
      <c r="F3" s="65"/>
      <c r="H3" s="12"/>
    </row>
    <row r="4" spans="1:10">
      <c r="D4" s="36" t="s">
        <v>21</v>
      </c>
      <c r="E4" s="25"/>
      <c r="F4" s="25"/>
      <c r="H4" s="12"/>
    </row>
    <row r="5" spans="1:10">
      <c r="D5" s="35"/>
      <c r="H5" s="12"/>
    </row>
    <row r="6" spans="1:10">
      <c r="A6" s="74"/>
      <c r="B6" s="77"/>
      <c r="C6" s="75"/>
      <c r="D6" s="75"/>
      <c r="E6" s="75"/>
    </row>
    <row r="7" spans="1:10" ht="78" customHeight="1">
      <c r="A7" s="76"/>
      <c r="B7" s="79" t="s">
        <v>86</v>
      </c>
      <c r="C7" s="104" t="s">
        <v>91</v>
      </c>
      <c r="D7" s="104"/>
      <c r="E7" s="104"/>
      <c r="J7" t="s">
        <v>107</v>
      </c>
    </row>
    <row r="8" spans="1:10" ht="78" customHeight="1">
      <c r="A8" s="76"/>
      <c r="B8" s="79" t="s">
        <v>87</v>
      </c>
      <c r="C8" s="105" t="s">
        <v>89</v>
      </c>
      <c r="D8" s="106"/>
      <c r="E8" s="107"/>
      <c r="J8" t="s">
        <v>108</v>
      </c>
    </row>
    <row r="9" spans="1:10" ht="78" customHeight="1">
      <c r="A9" s="76"/>
      <c r="B9" s="79" t="s">
        <v>88</v>
      </c>
      <c r="C9" s="105" t="s">
        <v>90</v>
      </c>
      <c r="D9" s="106"/>
      <c r="E9" s="107"/>
    </row>
    <row r="10" spans="1:10" ht="36" customHeight="1">
      <c r="A10" s="76"/>
      <c r="B10" s="79" t="s">
        <v>104</v>
      </c>
      <c r="C10" s="145" t="s">
        <v>107</v>
      </c>
      <c r="D10" s="146" t="s">
        <v>105</v>
      </c>
      <c r="E10" s="83">
        <v>45845</v>
      </c>
      <c r="F10" s="148"/>
      <c r="G10" s="149"/>
    </row>
    <row r="11" spans="1:10" ht="36" customHeight="1">
      <c r="A11" s="76"/>
      <c r="B11" s="79" t="s">
        <v>83</v>
      </c>
      <c r="C11" s="100" t="s">
        <v>85</v>
      </c>
      <c r="D11" s="100"/>
      <c r="E11" s="100"/>
    </row>
    <row r="12" spans="1:10" ht="36" customHeight="1">
      <c r="A12" s="76"/>
      <c r="B12" s="79" t="s">
        <v>84</v>
      </c>
      <c r="C12" s="99">
        <v>46112</v>
      </c>
      <c r="D12" s="100"/>
      <c r="E12" s="100"/>
    </row>
    <row r="13" spans="1:10" ht="36" customHeight="1">
      <c r="A13" s="78"/>
      <c r="B13" s="77"/>
      <c r="C13" s="75"/>
      <c r="D13" s="75"/>
      <c r="E13" s="75"/>
    </row>
  </sheetData>
  <mergeCells count="6">
    <mergeCell ref="A2:E2"/>
    <mergeCell ref="C7:E7"/>
    <mergeCell ref="C8:E8"/>
    <mergeCell ref="C9:E9"/>
    <mergeCell ref="C11:E11"/>
    <mergeCell ref="C12:E12"/>
  </mergeCells>
  <phoneticPr fontId="3"/>
  <dataValidations count="1">
    <dataValidation type="list" showInputMessage="1" showErrorMessage="1" sqref="C10">
      <formula1>$J7:$J8</formula1>
    </dataValidation>
  </dataValidations>
  <printOptions horizontalCentered="1" verticalCentered="1"/>
  <pageMargins left="0.39370078740157483" right="0.39370078740157483" top="0.78740157480314965" bottom="0.78740157480314965" header="0.39370078740157483" footer="0.39370078740157483"/>
  <pageSetup paperSize="9" orientation="landscape" r:id="rId1"/>
  <headerFooter>
    <oddHeader>&amp;L様式１関係</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D29"/>
  <sheetViews>
    <sheetView view="pageBreakPreview" zoomScaleNormal="100" zoomScaleSheetLayoutView="100" workbookViewId="0">
      <selection activeCell="A2" sqref="A2"/>
    </sheetView>
  </sheetViews>
  <sheetFormatPr defaultRowHeight="14.25"/>
  <cols>
    <col min="1" max="4" width="21.625" style="13" customWidth="1"/>
    <col min="5" max="256" width="9" style="13"/>
    <col min="257" max="260" width="17.875" style="13" customWidth="1"/>
    <col min="261" max="512" width="9" style="13"/>
    <col min="513" max="516" width="17.875" style="13" customWidth="1"/>
    <col min="517" max="768" width="9" style="13"/>
    <col min="769" max="772" width="17.875" style="13" customWidth="1"/>
    <col min="773" max="1024" width="9" style="13"/>
    <col min="1025" max="1028" width="17.875" style="13" customWidth="1"/>
    <col min="1029" max="1280" width="9" style="13"/>
    <col min="1281" max="1284" width="17.875" style="13" customWidth="1"/>
    <col min="1285" max="1536" width="9" style="13"/>
    <col min="1537" max="1540" width="17.875" style="13" customWidth="1"/>
    <col min="1541" max="1792" width="9" style="13"/>
    <col min="1793" max="1796" width="17.875" style="13" customWidth="1"/>
    <col min="1797" max="2048" width="9" style="13"/>
    <col min="2049" max="2052" width="17.875" style="13" customWidth="1"/>
    <col min="2053" max="2304" width="9" style="13"/>
    <col min="2305" max="2308" width="17.875" style="13" customWidth="1"/>
    <col min="2309" max="2560" width="9" style="13"/>
    <col min="2561" max="2564" width="17.875" style="13" customWidth="1"/>
    <col min="2565" max="2816" width="9" style="13"/>
    <col min="2817" max="2820" width="17.875" style="13" customWidth="1"/>
    <col min="2821" max="3072" width="9" style="13"/>
    <col min="3073" max="3076" width="17.875" style="13" customWidth="1"/>
    <col min="3077" max="3328" width="9" style="13"/>
    <col min="3329" max="3332" width="17.875" style="13" customWidth="1"/>
    <col min="3333" max="3584" width="9" style="13"/>
    <col min="3585" max="3588" width="17.875" style="13" customWidth="1"/>
    <col min="3589" max="3840" width="9" style="13"/>
    <col min="3841" max="3844" width="17.875" style="13" customWidth="1"/>
    <col min="3845" max="4096" width="9" style="13"/>
    <col min="4097" max="4100" width="17.875" style="13" customWidth="1"/>
    <col min="4101" max="4352" width="9" style="13"/>
    <col min="4353" max="4356" width="17.875" style="13" customWidth="1"/>
    <col min="4357" max="4608" width="9" style="13"/>
    <col min="4609" max="4612" width="17.875" style="13" customWidth="1"/>
    <col min="4613" max="4864" width="9" style="13"/>
    <col min="4865" max="4868" width="17.875" style="13" customWidth="1"/>
    <col min="4869" max="5120" width="9" style="13"/>
    <col min="5121" max="5124" width="17.875" style="13" customWidth="1"/>
    <col min="5125" max="5376" width="9" style="13"/>
    <col min="5377" max="5380" width="17.875" style="13" customWidth="1"/>
    <col min="5381" max="5632" width="9" style="13"/>
    <col min="5633" max="5636" width="17.875" style="13" customWidth="1"/>
    <col min="5637" max="5888" width="9" style="13"/>
    <col min="5889" max="5892" width="17.875" style="13" customWidth="1"/>
    <col min="5893" max="6144" width="9" style="13"/>
    <col min="6145" max="6148" width="17.875" style="13" customWidth="1"/>
    <col min="6149" max="6400" width="9" style="13"/>
    <col min="6401" max="6404" width="17.875" style="13" customWidth="1"/>
    <col min="6405" max="6656" width="9" style="13"/>
    <col min="6657" max="6660" width="17.875" style="13" customWidth="1"/>
    <col min="6661" max="6912" width="9" style="13"/>
    <col min="6913" max="6916" width="17.875" style="13" customWidth="1"/>
    <col min="6917" max="7168" width="9" style="13"/>
    <col min="7169" max="7172" width="17.875" style="13" customWidth="1"/>
    <col min="7173" max="7424" width="9" style="13"/>
    <col min="7425" max="7428" width="17.875" style="13" customWidth="1"/>
    <col min="7429" max="7680" width="9" style="13"/>
    <col min="7681" max="7684" width="17.875" style="13" customWidth="1"/>
    <col min="7685" max="7936" width="9" style="13"/>
    <col min="7937" max="7940" width="17.875" style="13" customWidth="1"/>
    <col min="7941" max="8192" width="9" style="13"/>
    <col min="8193" max="8196" width="17.875" style="13" customWidth="1"/>
    <col min="8197" max="8448" width="9" style="13"/>
    <col min="8449" max="8452" width="17.875" style="13" customWidth="1"/>
    <col min="8453" max="8704" width="9" style="13"/>
    <col min="8705" max="8708" width="17.875" style="13" customWidth="1"/>
    <col min="8709" max="8960" width="9" style="13"/>
    <col min="8961" max="8964" width="17.875" style="13" customWidth="1"/>
    <col min="8965" max="9216" width="9" style="13"/>
    <col min="9217" max="9220" width="17.875" style="13" customWidth="1"/>
    <col min="9221" max="9472" width="9" style="13"/>
    <col min="9473" max="9476" width="17.875" style="13" customWidth="1"/>
    <col min="9477" max="9728" width="9" style="13"/>
    <col min="9729" max="9732" width="17.875" style="13" customWidth="1"/>
    <col min="9733" max="9984" width="9" style="13"/>
    <col min="9985" max="9988" width="17.875" style="13" customWidth="1"/>
    <col min="9989" max="10240" width="9" style="13"/>
    <col min="10241" max="10244" width="17.875" style="13" customWidth="1"/>
    <col min="10245" max="10496" width="9" style="13"/>
    <col min="10497" max="10500" width="17.875" style="13" customWidth="1"/>
    <col min="10501" max="10752" width="9" style="13"/>
    <col min="10753" max="10756" width="17.875" style="13" customWidth="1"/>
    <col min="10757" max="11008" width="9" style="13"/>
    <col min="11009" max="11012" width="17.875" style="13" customWidth="1"/>
    <col min="11013" max="11264" width="9" style="13"/>
    <col min="11265" max="11268" width="17.875" style="13" customWidth="1"/>
    <col min="11269" max="11520" width="9" style="13"/>
    <col min="11521" max="11524" width="17.875" style="13" customWidth="1"/>
    <col min="11525" max="11776" width="9" style="13"/>
    <col min="11777" max="11780" width="17.875" style="13" customWidth="1"/>
    <col min="11781" max="12032" width="9" style="13"/>
    <col min="12033" max="12036" width="17.875" style="13" customWidth="1"/>
    <col min="12037" max="12288" width="9" style="13"/>
    <col min="12289" max="12292" width="17.875" style="13" customWidth="1"/>
    <col min="12293" max="12544" width="9" style="13"/>
    <col min="12545" max="12548" width="17.875" style="13" customWidth="1"/>
    <col min="12549" max="12800" width="9" style="13"/>
    <col min="12801" max="12804" width="17.875" style="13" customWidth="1"/>
    <col min="12805" max="13056" width="9" style="13"/>
    <col min="13057" max="13060" width="17.875" style="13" customWidth="1"/>
    <col min="13061" max="13312" width="9" style="13"/>
    <col min="13313" max="13316" width="17.875" style="13" customWidth="1"/>
    <col min="13317" max="13568" width="9" style="13"/>
    <col min="13569" max="13572" width="17.875" style="13" customWidth="1"/>
    <col min="13573" max="13824" width="9" style="13"/>
    <col min="13825" max="13828" width="17.875" style="13" customWidth="1"/>
    <col min="13829" max="14080" width="9" style="13"/>
    <col min="14081" max="14084" width="17.875" style="13" customWidth="1"/>
    <col min="14085" max="14336" width="9" style="13"/>
    <col min="14337" max="14340" width="17.875" style="13" customWidth="1"/>
    <col min="14341" max="14592" width="9" style="13"/>
    <col min="14593" max="14596" width="17.875" style="13" customWidth="1"/>
    <col min="14597" max="14848" width="9" style="13"/>
    <col min="14849" max="14852" width="17.875" style="13" customWidth="1"/>
    <col min="14853" max="15104" width="9" style="13"/>
    <col min="15105" max="15108" width="17.875" style="13" customWidth="1"/>
    <col min="15109" max="15360" width="9" style="13"/>
    <col min="15361" max="15364" width="17.875" style="13" customWidth="1"/>
    <col min="15365" max="15616" width="9" style="13"/>
    <col min="15617" max="15620" width="17.875" style="13" customWidth="1"/>
    <col min="15621" max="15872" width="9" style="13"/>
    <col min="15873" max="15876" width="17.875" style="13" customWidth="1"/>
    <col min="15877" max="16128" width="9" style="13"/>
    <col min="16129" max="16132" width="17.875" style="13" customWidth="1"/>
    <col min="16133" max="16384" width="9" style="13"/>
  </cols>
  <sheetData>
    <row r="1" spans="1:4">
      <c r="A1" s="108" t="s">
        <v>109</v>
      </c>
      <c r="B1" s="108"/>
      <c r="C1" s="108"/>
      <c r="D1" s="108"/>
    </row>
    <row r="2" spans="1:4" ht="6" customHeight="1"/>
    <row r="3" spans="1:4">
      <c r="A3" s="108" t="s">
        <v>92</v>
      </c>
      <c r="B3" s="108"/>
      <c r="C3" s="108"/>
      <c r="D3" s="108"/>
    </row>
    <row r="5" spans="1:4" ht="30.75" customHeight="1">
      <c r="D5" s="14" t="s">
        <v>10</v>
      </c>
    </row>
    <row r="6" spans="1:4" ht="18.75" customHeight="1">
      <c r="A6" s="109" t="s">
        <v>11</v>
      </c>
      <c r="B6" s="110"/>
      <c r="C6" s="109" t="s">
        <v>12</v>
      </c>
      <c r="D6" s="110"/>
    </row>
    <row r="7" spans="1:4" ht="18.75" customHeight="1">
      <c r="A7" s="15" t="s">
        <v>13</v>
      </c>
      <c r="B7" s="15" t="s">
        <v>14</v>
      </c>
      <c r="C7" s="15" t="s">
        <v>15</v>
      </c>
      <c r="D7" s="15" t="s">
        <v>14</v>
      </c>
    </row>
    <row r="8" spans="1:4" ht="18.75" customHeight="1">
      <c r="A8" s="16"/>
      <c r="B8" s="17"/>
      <c r="C8" s="17"/>
      <c r="D8" s="17"/>
    </row>
    <row r="9" spans="1:4" ht="18.75" customHeight="1">
      <c r="A9" s="16" t="s">
        <v>16</v>
      </c>
      <c r="B9" s="18"/>
      <c r="C9" s="18" t="s">
        <v>93</v>
      </c>
      <c r="D9" s="18"/>
    </row>
    <row r="10" spans="1:4" ht="18.75" customHeight="1">
      <c r="A10" s="16"/>
      <c r="B10" s="18"/>
      <c r="C10" s="18"/>
      <c r="D10" s="18"/>
    </row>
    <row r="11" spans="1:4" ht="18.75" customHeight="1">
      <c r="A11" s="16" t="s">
        <v>17</v>
      </c>
      <c r="B11" s="18"/>
      <c r="C11" s="18" t="s">
        <v>94</v>
      </c>
      <c r="D11" s="18"/>
    </row>
    <row r="12" spans="1:4" ht="18.75" customHeight="1">
      <c r="A12" s="16"/>
      <c r="B12" s="18"/>
      <c r="C12" s="18"/>
      <c r="D12" s="18"/>
    </row>
    <row r="13" spans="1:4" ht="18.75" customHeight="1">
      <c r="A13" s="16" t="s">
        <v>20</v>
      </c>
      <c r="B13" s="18"/>
      <c r="C13" s="18" t="s">
        <v>95</v>
      </c>
      <c r="D13" s="18"/>
    </row>
    <row r="14" spans="1:4" ht="18.75" customHeight="1">
      <c r="A14" s="16"/>
      <c r="B14" s="18"/>
      <c r="C14" s="18"/>
      <c r="D14" s="18"/>
    </row>
    <row r="15" spans="1:4" ht="18.75" customHeight="1">
      <c r="A15" s="16"/>
      <c r="B15" s="18"/>
      <c r="C15" s="18" t="s">
        <v>96</v>
      </c>
      <c r="D15" s="18"/>
    </row>
    <row r="16" spans="1:4" ht="18.75" customHeight="1">
      <c r="A16" s="19"/>
      <c r="B16" s="20"/>
      <c r="C16" s="20"/>
      <c r="D16" s="20"/>
    </row>
    <row r="17" spans="1:4" ht="30" customHeight="1">
      <c r="A17" s="15" t="s">
        <v>18</v>
      </c>
      <c r="B17" s="21">
        <f>SUM(B8:B16)</f>
        <v>0</v>
      </c>
      <c r="C17" s="22" t="s">
        <v>18</v>
      </c>
      <c r="D17" s="21">
        <f>SUM(D8:D16)</f>
        <v>0</v>
      </c>
    </row>
    <row r="20" spans="1:4">
      <c r="A20" s="38" t="s">
        <v>27</v>
      </c>
    </row>
    <row r="22" spans="1:4">
      <c r="A22" s="13" t="s">
        <v>19</v>
      </c>
    </row>
    <row r="24" spans="1:4">
      <c r="B24" s="23" t="s">
        <v>24</v>
      </c>
    </row>
    <row r="25" spans="1:4">
      <c r="B25" s="23"/>
    </row>
    <row r="26" spans="1:4">
      <c r="B26" s="23" t="s">
        <v>25</v>
      </c>
    </row>
    <row r="27" spans="1:4">
      <c r="B27" s="23"/>
    </row>
    <row r="28" spans="1:4">
      <c r="B28" s="23" t="s">
        <v>26</v>
      </c>
      <c r="D28" s="24"/>
    </row>
    <row r="29" spans="1:4">
      <c r="B29" s="23"/>
    </row>
  </sheetData>
  <mergeCells count="4">
    <mergeCell ref="A1:D1"/>
    <mergeCell ref="A3:D3"/>
    <mergeCell ref="A6:B6"/>
    <mergeCell ref="C6:D6"/>
  </mergeCells>
  <phoneticPr fontId="3"/>
  <printOptions horizontalCentered="1"/>
  <pageMargins left="0.78740157480314965" right="0.78740157480314965" top="1.5748031496062993" bottom="0.78740157480314965" header="0.78740157480314965" footer="0.39370078740157483"/>
  <pageSetup paperSize="9" scale="92" orientation="portrait" r:id="rId1"/>
  <headerFooter alignWithMargins="0">
    <oddHeader>&amp;L様式１関係</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9"/>
  <sheetViews>
    <sheetView view="pageBreakPreview" zoomScaleNormal="100" zoomScaleSheetLayoutView="100" workbookViewId="0">
      <selection activeCell="G17" sqref="G17"/>
    </sheetView>
  </sheetViews>
  <sheetFormatPr defaultRowHeight="14.25"/>
  <cols>
    <col min="1" max="4" width="21.625" style="13" customWidth="1"/>
    <col min="5" max="256" width="8.625" style="13"/>
    <col min="257" max="260" width="17.875" style="13" customWidth="1"/>
    <col min="261" max="512" width="8.625" style="13"/>
    <col min="513" max="516" width="17.875" style="13" customWidth="1"/>
    <col min="517" max="768" width="8.625" style="13"/>
    <col min="769" max="772" width="17.875" style="13" customWidth="1"/>
    <col min="773" max="1024" width="8.625" style="13"/>
    <col min="1025" max="1028" width="17.875" style="13" customWidth="1"/>
    <col min="1029" max="1280" width="8.625" style="13"/>
    <col min="1281" max="1284" width="17.875" style="13" customWidth="1"/>
    <col min="1285" max="1536" width="8.625" style="13"/>
    <col min="1537" max="1540" width="17.875" style="13" customWidth="1"/>
    <col min="1541" max="1792" width="8.625" style="13"/>
    <col min="1793" max="1796" width="17.875" style="13" customWidth="1"/>
    <col min="1797" max="2048" width="8.625" style="13"/>
    <col min="2049" max="2052" width="17.875" style="13" customWidth="1"/>
    <col min="2053" max="2304" width="8.625" style="13"/>
    <col min="2305" max="2308" width="17.875" style="13" customWidth="1"/>
    <col min="2309" max="2560" width="8.625" style="13"/>
    <col min="2561" max="2564" width="17.875" style="13" customWidth="1"/>
    <col min="2565" max="2816" width="8.625" style="13"/>
    <col min="2817" max="2820" width="17.875" style="13" customWidth="1"/>
    <col min="2821" max="3072" width="8.625" style="13"/>
    <col min="3073" max="3076" width="17.875" style="13" customWidth="1"/>
    <col min="3077" max="3328" width="8.625" style="13"/>
    <col min="3329" max="3332" width="17.875" style="13" customWidth="1"/>
    <col min="3333" max="3584" width="8.625" style="13"/>
    <col min="3585" max="3588" width="17.875" style="13" customWidth="1"/>
    <col min="3589" max="3840" width="8.625" style="13"/>
    <col min="3841" max="3844" width="17.875" style="13" customWidth="1"/>
    <col min="3845" max="4096" width="8.625" style="13"/>
    <col min="4097" max="4100" width="17.875" style="13" customWidth="1"/>
    <col min="4101" max="4352" width="8.625" style="13"/>
    <col min="4353" max="4356" width="17.875" style="13" customWidth="1"/>
    <col min="4357" max="4608" width="8.625" style="13"/>
    <col min="4609" max="4612" width="17.875" style="13" customWidth="1"/>
    <col min="4613" max="4864" width="8.625" style="13"/>
    <col min="4865" max="4868" width="17.875" style="13" customWidth="1"/>
    <col min="4869" max="5120" width="8.625" style="13"/>
    <col min="5121" max="5124" width="17.875" style="13" customWidth="1"/>
    <col min="5125" max="5376" width="8.625" style="13"/>
    <col min="5377" max="5380" width="17.875" style="13" customWidth="1"/>
    <col min="5381" max="5632" width="8.625" style="13"/>
    <col min="5633" max="5636" width="17.875" style="13" customWidth="1"/>
    <col min="5637" max="5888" width="8.625" style="13"/>
    <col min="5889" max="5892" width="17.875" style="13" customWidth="1"/>
    <col min="5893" max="6144" width="8.625" style="13"/>
    <col min="6145" max="6148" width="17.875" style="13" customWidth="1"/>
    <col min="6149" max="6400" width="8.625" style="13"/>
    <col min="6401" max="6404" width="17.875" style="13" customWidth="1"/>
    <col min="6405" max="6656" width="8.625" style="13"/>
    <col min="6657" max="6660" width="17.875" style="13" customWidth="1"/>
    <col min="6661" max="6912" width="8.625" style="13"/>
    <col min="6913" max="6916" width="17.875" style="13" customWidth="1"/>
    <col min="6917" max="7168" width="8.625" style="13"/>
    <col min="7169" max="7172" width="17.875" style="13" customWidth="1"/>
    <col min="7173" max="7424" width="8.625" style="13"/>
    <col min="7425" max="7428" width="17.875" style="13" customWidth="1"/>
    <col min="7429" max="7680" width="8.625" style="13"/>
    <col min="7681" max="7684" width="17.875" style="13" customWidth="1"/>
    <col min="7685" max="7936" width="8.625" style="13"/>
    <col min="7937" max="7940" width="17.875" style="13" customWidth="1"/>
    <col min="7941" max="8192" width="8.625" style="13"/>
    <col min="8193" max="8196" width="17.875" style="13" customWidth="1"/>
    <col min="8197" max="8448" width="8.625" style="13"/>
    <col min="8449" max="8452" width="17.875" style="13" customWidth="1"/>
    <col min="8453" max="8704" width="8.625" style="13"/>
    <col min="8705" max="8708" width="17.875" style="13" customWidth="1"/>
    <col min="8709" max="8960" width="8.625" style="13"/>
    <col min="8961" max="8964" width="17.875" style="13" customWidth="1"/>
    <col min="8965" max="9216" width="8.625" style="13"/>
    <col min="9217" max="9220" width="17.875" style="13" customWidth="1"/>
    <col min="9221" max="9472" width="8.625" style="13"/>
    <col min="9473" max="9476" width="17.875" style="13" customWidth="1"/>
    <col min="9477" max="9728" width="8.625" style="13"/>
    <col min="9729" max="9732" width="17.875" style="13" customWidth="1"/>
    <col min="9733" max="9984" width="8.625" style="13"/>
    <col min="9985" max="9988" width="17.875" style="13" customWidth="1"/>
    <col min="9989" max="10240" width="8.625" style="13"/>
    <col min="10241" max="10244" width="17.875" style="13" customWidth="1"/>
    <col min="10245" max="10496" width="8.625" style="13"/>
    <col min="10497" max="10500" width="17.875" style="13" customWidth="1"/>
    <col min="10501" max="10752" width="8.625" style="13"/>
    <col min="10753" max="10756" width="17.875" style="13" customWidth="1"/>
    <col min="10757" max="11008" width="8.625" style="13"/>
    <col min="11009" max="11012" width="17.875" style="13" customWidth="1"/>
    <col min="11013" max="11264" width="8.625" style="13"/>
    <col min="11265" max="11268" width="17.875" style="13" customWidth="1"/>
    <col min="11269" max="11520" width="8.625" style="13"/>
    <col min="11521" max="11524" width="17.875" style="13" customWidth="1"/>
    <col min="11525" max="11776" width="8.625" style="13"/>
    <col min="11777" max="11780" width="17.875" style="13" customWidth="1"/>
    <col min="11781" max="12032" width="8.625" style="13"/>
    <col min="12033" max="12036" width="17.875" style="13" customWidth="1"/>
    <col min="12037" max="12288" width="8.625" style="13"/>
    <col min="12289" max="12292" width="17.875" style="13" customWidth="1"/>
    <col min="12293" max="12544" width="8.625" style="13"/>
    <col min="12545" max="12548" width="17.875" style="13" customWidth="1"/>
    <col min="12549" max="12800" width="8.625" style="13"/>
    <col min="12801" max="12804" width="17.875" style="13" customWidth="1"/>
    <col min="12805" max="13056" width="8.625" style="13"/>
    <col min="13057" max="13060" width="17.875" style="13" customWidth="1"/>
    <col min="13061" max="13312" width="8.625" style="13"/>
    <col min="13313" max="13316" width="17.875" style="13" customWidth="1"/>
    <col min="13317" max="13568" width="8.625" style="13"/>
    <col min="13569" max="13572" width="17.875" style="13" customWidth="1"/>
    <col min="13573" max="13824" width="8.625" style="13"/>
    <col min="13825" max="13828" width="17.875" style="13" customWidth="1"/>
    <col min="13829" max="14080" width="8.625" style="13"/>
    <col min="14081" max="14084" width="17.875" style="13" customWidth="1"/>
    <col min="14085" max="14336" width="8.625" style="13"/>
    <col min="14337" max="14340" width="17.875" style="13" customWidth="1"/>
    <col min="14341" max="14592" width="8.625" style="13"/>
    <col min="14593" max="14596" width="17.875" style="13" customWidth="1"/>
    <col min="14597" max="14848" width="8.625" style="13"/>
    <col min="14849" max="14852" width="17.875" style="13" customWidth="1"/>
    <col min="14853" max="15104" width="8.625" style="13"/>
    <col min="15105" max="15108" width="17.875" style="13" customWidth="1"/>
    <col min="15109" max="15360" width="8.625" style="13"/>
    <col min="15361" max="15364" width="17.875" style="13" customWidth="1"/>
    <col min="15365" max="15616" width="8.625" style="13"/>
    <col min="15617" max="15620" width="17.875" style="13" customWidth="1"/>
    <col min="15621" max="15872" width="8.625" style="13"/>
    <col min="15873" max="15876" width="17.875" style="13" customWidth="1"/>
    <col min="15877" max="16128" width="8.625" style="13"/>
    <col min="16129" max="16132" width="17.875" style="13" customWidth="1"/>
    <col min="16133" max="16384" width="8.625" style="13"/>
  </cols>
  <sheetData>
    <row r="1" spans="1:4">
      <c r="A1" s="108" t="s">
        <v>109</v>
      </c>
      <c r="B1" s="108"/>
      <c r="C1" s="108"/>
      <c r="D1" s="108"/>
    </row>
    <row r="2" spans="1:4" ht="6" customHeight="1"/>
    <row r="3" spans="1:4">
      <c r="A3" s="108" t="s">
        <v>92</v>
      </c>
      <c r="B3" s="108"/>
      <c r="C3" s="108"/>
      <c r="D3" s="108"/>
    </row>
    <row r="5" spans="1:4" ht="30.75" customHeight="1">
      <c r="D5" s="14" t="s">
        <v>10</v>
      </c>
    </row>
    <row r="6" spans="1:4" ht="18.75" customHeight="1">
      <c r="A6" s="109" t="s">
        <v>11</v>
      </c>
      <c r="B6" s="110"/>
      <c r="C6" s="109" t="s">
        <v>12</v>
      </c>
      <c r="D6" s="110"/>
    </row>
    <row r="7" spans="1:4" ht="18.75" customHeight="1">
      <c r="A7" s="15" t="s">
        <v>13</v>
      </c>
      <c r="B7" s="15" t="s">
        <v>14</v>
      </c>
      <c r="C7" s="15" t="s">
        <v>15</v>
      </c>
      <c r="D7" s="15" t="s">
        <v>14</v>
      </c>
    </row>
    <row r="8" spans="1:4" ht="18.75" customHeight="1">
      <c r="A8" s="16"/>
      <c r="B8" s="40"/>
      <c r="C8" s="37"/>
      <c r="D8" s="37"/>
    </row>
    <row r="9" spans="1:4" ht="18.75" customHeight="1">
      <c r="A9" s="16" t="s">
        <v>16</v>
      </c>
      <c r="B9" s="41">
        <v>800000</v>
      </c>
      <c r="C9" s="18" t="s">
        <v>93</v>
      </c>
      <c r="D9" s="41">
        <v>1600000</v>
      </c>
    </row>
    <row r="10" spans="1:4" ht="18.75" customHeight="1">
      <c r="A10" s="16"/>
      <c r="B10" s="41"/>
      <c r="C10" s="18"/>
      <c r="D10" s="41"/>
    </row>
    <row r="11" spans="1:4" ht="18.75" customHeight="1">
      <c r="A11" s="16" t="s">
        <v>17</v>
      </c>
      <c r="B11" s="41">
        <v>800000</v>
      </c>
      <c r="C11" s="18" t="s">
        <v>94</v>
      </c>
      <c r="D11" s="41"/>
    </row>
    <row r="12" spans="1:4" ht="18.75" customHeight="1">
      <c r="A12" s="16"/>
      <c r="B12" s="41"/>
      <c r="C12" s="18"/>
      <c r="D12" s="41"/>
    </row>
    <row r="13" spans="1:4" ht="18.75" customHeight="1">
      <c r="A13" s="16" t="s">
        <v>20</v>
      </c>
      <c r="B13" s="41">
        <v>0</v>
      </c>
      <c r="C13" s="18" t="s">
        <v>95</v>
      </c>
      <c r="D13" s="41"/>
    </row>
    <row r="14" spans="1:4" ht="18.75" customHeight="1">
      <c r="A14" s="16"/>
      <c r="B14" s="41"/>
      <c r="C14" s="18"/>
      <c r="D14" s="41"/>
    </row>
    <row r="15" spans="1:4" ht="18.75" customHeight="1">
      <c r="A15" s="16"/>
      <c r="B15" s="41"/>
      <c r="C15" s="18" t="s">
        <v>96</v>
      </c>
      <c r="D15" s="41"/>
    </row>
    <row r="16" spans="1:4" ht="18.75" customHeight="1">
      <c r="A16" s="19"/>
      <c r="B16" s="42"/>
      <c r="C16" s="20"/>
      <c r="D16" s="42"/>
    </row>
    <row r="17" spans="1:4" ht="30" customHeight="1">
      <c r="A17" s="15" t="s">
        <v>18</v>
      </c>
      <c r="B17" s="43">
        <f>SUM(B8:B16)</f>
        <v>1600000</v>
      </c>
      <c r="C17" s="22" t="s">
        <v>18</v>
      </c>
      <c r="D17" s="43">
        <f>SUM(D9:D16)</f>
        <v>1600000</v>
      </c>
    </row>
    <row r="20" spans="1:4">
      <c r="A20" s="39" t="s">
        <v>97</v>
      </c>
    </row>
    <row r="22" spans="1:4">
      <c r="A22" s="13" t="s">
        <v>19</v>
      </c>
    </row>
    <row r="24" spans="1:4">
      <c r="B24" s="23" t="s">
        <v>99</v>
      </c>
    </row>
    <row r="25" spans="1:4">
      <c r="B25" s="23"/>
    </row>
    <row r="26" spans="1:4">
      <c r="B26" s="23" t="s">
        <v>98</v>
      </c>
    </row>
    <row r="27" spans="1:4">
      <c r="B27" s="23"/>
    </row>
    <row r="28" spans="1:4">
      <c r="B28" s="23" t="s">
        <v>62</v>
      </c>
      <c r="D28" s="44"/>
    </row>
    <row r="29" spans="1:4">
      <c r="B29" s="23"/>
    </row>
  </sheetData>
  <mergeCells count="4">
    <mergeCell ref="A1:D1"/>
    <mergeCell ref="A3:D3"/>
    <mergeCell ref="A6:B6"/>
    <mergeCell ref="C6:D6"/>
  </mergeCells>
  <phoneticPr fontId="3"/>
  <printOptions horizontalCentered="1"/>
  <pageMargins left="0.78740157480314965" right="0.78740157480314965" top="1.5748031496062993" bottom="0.78740157480314965" header="0.78740157480314965" footer="0.39370078740157483"/>
  <pageSetup paperSize="9" scale="92" orientation="portrait" r:id="rId1"/>
  <headerFooter alignWithMargins="0">
    <oddHeader>&amp;L様式１関係</oddHead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K25"/>
  <sheetViews>
    <sheetView view="pageBreakPreview" zoomScaleNormal="100" zoomScaleSheetLayoutView="100" workbookViewId="0">
      <selection activeCell="B15" sqref="B15"/>
    </sheetView>
  </sheetViews>
  <sheetFormatPr defaultColWidth="8.625" defaultRowHeight="13.5"/>
  <cols>
    <col min="1" max="1" width="2.375" style="46" customWidth="1"/>
    <col min="2" max="2" width="10.625" style="45" bestFit="1" customWidth="1"/>
    <col min="3" max="3" width="23.875" style="46" customWidth="1"/>
    <col min="4" max="4" width="12.125" style="46" customWidth="1"/>
    <col min="5" max="11" width="3.375" style="46" customWidth="1"/>
    <col min="12" max="12" width="11.375" style="46" customWidth="1"/>
    <col min="13" max="16384" width="8.625" style="46"/>
  </cols>
  <sheetData>
    <row r="1" spans="2:11" ht="26.25" customHeight="1">
      <c r="H1" s="47"/>
      <c r="I1" s="111"/>
      <c r="J1" s="111"/>
      <c r="K1" s="111"/>
    </row>
    <row r="4" spans="2:11" ht="18.75">
      <c r="B4" s="112" t="s">
        <v>29</v>
      </c>
      <c r="C4" s="112"/>
      <c r="D4" s="112"/>
      <c r="E4" s="112"/>
      <c r="F4" s="112"/>
      <c r="G4" s="112"/>
      <c r="H4" s="112"/>
      <c r="I4" s="112"/>
      <c r="J4" s="112"/>
    </row>
    <row r="5" spans="2:11" ht="31.5" customHeight="1"/>
    <row r="6" spans="2:11" ht="39.950000000000003" customHeight="1">
      <c r="B6" s="113" t="s">
        <v>30</v>
      </c>
      <c r="C6" s="115"/>
      <c r="D6" s="116"/>
      <c r="E6" s="116" t="s">
        <v>31</v>
      </c>
      <c r="F6" s="116"/>
      <c r="G6" s="116"/>
      <c r="H6" s="116"/>
      <c r="I6" s="116"/>
      <c r="J6" s="116"/>
      <c r="K6" s="117"/>
    </row>
    <row r="7" spans="2:11" ht="39.950000000000003" customHeight="1">
      <c r="B7" s="114"/>
      <c r="C7" s="115"/>
      <c r="D7" s="116"/>
      <c r="E7" s="116"/>
      <c r="F7" s="116"/>
      <c r="G7" s="116" t="s">
        <v>32</v>
      </c>
      <c r="H7" s="116"/>
      <c r="I7" s="116"/>
      <c r="J7" s="116"/>
      <c r="K7" s="117"/>
    </row>
    <row r="8" spans="2:11" ht="39.950000000000003" customHeight="1">
      <c r="B8" s="48" t="s">
        <v>33</v>
      </c>
      <c r="C8" s="49" t="s">
        <v>34</v>
      </c>
      <c r="D8" s="49" t="s">
        <v>35</v>
      </c>
      <c r="E8" s="50"/>
      <c r="F8" s="50"/>
      <c r="G8" s="50"/>
      <c r="H8" s="50"/>
      <c r="I8" s="50"/>
      <c r="J8" s="50"/>
      <c r="K8" s="51"/>
    </row>
    <row r="9" spans="2:11" ht="21.95" customHeight="1">
      <c r="B9" s="52" t="s">
        <v>36</v>
      </c>
      <c r="C9" s="120"/>
      <c r="D9" s="121"/>
      <c r="E9" s="121"/>
      <c r="F9" s="121"/>
      <c r="G9" s="121"/>
      <c r="H9" s="121"/>
      <c r="I9" s="121"/>
      <c r="J9" s="121"/>
      <c r="K9" s="122"/>
    </row>
    <row r="10" spans="2:11" ht="39.950000000000003" customHeight="1">
      <c r="B10" s="48" t="s">
        <v>37</v>
      </c>
      <c r="C10" s="123"/>
      <c r="D10" s="124"/>
      <c r="E10" s="124"/>
      <c r="F10" s="124"/>
      <c r="G10" s="124"/>
      <c r="H10" s="124"/>
      <c r="I10" s="124"/>
      <c r="J10" s="124"/>
      <c r="K10" s="125"/>
    </row>
    <row r="11" spans="2:11" ht="15.95" customHeight="1">
      <c r="K11" s="47" t="s">
        <v>38</v>
      </c>
    </row>
    <row r="12" spans="2:11" ht="15.95" customHeight="1"/>
    <row r="13" spans="2:11" ht="15.95" customHeight="1">
      <c r="H13" s="47"/>
    </row>
    <row r="14" spans="2:11" ht="15.95" customHeight="1">
      <c r="B14" s="126" t="s">
        <v>44</v>
      </c>
      <c r="C14" s="126"/>
    </row>
    <row r="15" spans="2:11" ht="15.95" customHeight="1">
      <c r="B15" s="53"/>
      <c r="C15" s="53"/>
    </row>
    <row r="16" spans="2:11" ht="15.95" customHeight="1"/>
    <row r="17" spans="2:11" ht="15.95" customHeight="1">
      <c r="B17" s="45" t="s">
        <v>39</v>
      </c>
    </row>
    <row r="18" spans="2:11" ht="15.95" customHeight="1"/>
    <row r="19" spans="2:11" ht="15.95" customHeight="1"/>
    <row r="20" spans="2:11" s="56" customFormat="1" ht="30" customHeight="1">
      <c r="B20" s="54"/>
      <c r="C20" s="55" t="s">
        <v>40</v>
      </c>
      <c r="D20" s="127"/>
      <c r="E20" s="127"/>
      <c r="F20" s="127"/>
      <c r="G20" s="54"/>
      <c r="H20" s="54"/>
      <c r="I20" s="54"/>
      <c r="J20" s="54"/>
      <c r="K20" s="54"/>
    </row>
    <row r="21" spans="2:11" s="56" customFormat="1" ht="30" customHeight="1">
      <c r="B21" s="54"/>
      <c r="C21" s="55" t="s">
        <v>41</v>
      </c>
      <c r="D21" s="118"/>
      <c r="E21" s="118"/>
      <c r="F21" s="118"/>
      <c r="G21" s="118"/>
      <c r="H21" s="118"/>
      <c r="I21" s="118"/>
      <c r="J21" s="118"/>
      <c r="K21" s="118"/>
    </row>
    <row r="22" spans="2:11" s="56" customFormat="1" ht="30" customHeight="1">
      <c r="B22" s="54"/>
      <c r="C22" s="55"/>
      <c r="D22" s="119"/>
      <c r="E22" s="118"/>
      <c r="F22" s="118"/>
      <c r="G22" s="118"/>
      <c r="H22" s="118"/>
      <c r="I22" s="118"/>
      <c r="J22" s="118"/>
      <c r="K22" s="118"/>
    </row>
    <row r="23" spans="2:11" s="56" customFormat="1" ht="30" customHeight="1">
      <c r="B23" s="54"/>
      <c r="C23" s="55" t="s">
        <v>42</v>
      </c>
      <c r="D23" s="118"/>
      <c r="E23" s="118"/>
      <c r="F23" s="118"/>
      <c r="G23" s="118"/>
      <c r="H23" s="118"/>
      <c r="I23" s="118"/>
      <c r="J23" s="118"/>
      <c r="K23" s="118"/>
    </row>
    <row r="24" spans="2:11" s="56" customFormat="1" ht="30" customHeight="1">
      <c r="B24" s="54"/>
      <c r="C24" s="55" t="s">
        <v>43</v>
      </c>
      <c r="D24" s="119"/>
      <c r="E24" s="119"/>
      <c r="F24" s="119"/>
      <c r="G24" s="119"/>
      <c r="H24" s="119"/>
      <c r="I24" s="119"/>
      <c r="J24" s="119"/>
      <c r="K24" s="119"/>
    </row>
    <row r="25" spans="2:11" s="56" customFormat="1">
      <c r="B25" s="54"/>
    </row>
  </sheetData>
  <mergeCells count="15">
    <mergeCell ref="D23:K23"/>
    <mergeCell ref="D24:K24"/>
    <mergeCell ref="C9:K9"/>
    <mergeCell ref="C10:K10"/>
    <mergeCell ref="B14:C14"/>
    <mergeCell ref="D20:F20"/>
    <mergeCell ref="D21:K21"/>
    <mergeCell ref="D22:K22"/>
    <mergeCell ref="I1:K1"/>
    <mergeCell ref="B4:J4"/>
    <mergeCell ref="B6:B7"/>
    <mergeCell ref="C6:D6"/>
    <mergeCell ref="E6:K6"/>
    <mergeCell ref="C7:F7"/>
    <mergeCell ref="G7:K7"/>
  </mergeCells>
  <phoneticPr fontId="3"/>
  <dataValidations count="2">
    <dataValidation imeMode="off" allowBlank="1" showInputMessage="1" showErrorMessage="1" sqref="B14:B15 D20 E8:K8"/>
    <dataValidation imeMode="fullKatakana" allowBlank="1" showInputMessage="1" showErrorMessage="1" sqref="C9:K9"/>
  </dataValidations>
  <pageMargins left="0.91" right="1" top="0.8" bottom="0.68" header="0.51200000000000001" footer="0.44"/>
  <pageSetup paperSize="9"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K25"/>
  <sheetViews>
    <sheetView view="pageBreakPreview" zoomScaleNormal="100" zoomScaleSheetLayoutView="100" workbookViewId="0">
      <selection activeCell="B15" sqref="B15"/>
    </sheetView>
  </sheetViews>
  <sheetFormatPr defaultColWidth="8.625" defaultRowHeight="13.5"/>
  <cols>
    <col min="1" max="1" width="2.375" style="46" customWidth="1"/>
    <col min="2" max="2" width="10.625" style="45" bestFit="1" customWidth="1"/>
    <col min="3" max="3" width="23.875" style="46" customWidth="1"/>
    <col min="4" max="4" width="12.125" style="46" customWidth="1"/>
    <col min="5" max="11" width="3.375" style="46" customWidth="1"/>
    <col min="12" max="26" width="2.375" style="46" customWidth="1"/>
    <col min="27" max="16384" width="8.625" style="46"/>
  </cols>
  <sheetData>
    <row r="1" spans="2:11" ht="26.25" customHeight="1">
      <c r="G1" s="56"/>
      <c r="H1" s="55"/>
      <c r="I1" s="128"/>
      <c r="J1" s="128"/>
      <c r="K1" s="128"/>
    </row>
    <row r="4" spans="2:11" ht="18.75">
      <c r="D4" s="57" t="s">
        <v>29</v>
      </c>
    </row>
    <row r="5" spans="2:11" ht="31.5" customHeight="1"/>
    <row r="6" spans="2:11" ht="39.950000000000003" customHeight="1">
      <c r="B6" s="113" t="s">
        <v>30</v>
      </c>
      <c r="C6" s="129" t="s">
        <v>45</v>
      </c>
      <c r="D6" s="130"/>
      <c r="E6" s="131" t="s">
        <v>46</v>
      </c>
      <c r="F6" s="131"/>
      <c r="G6" s="131"/>
      <c r="H6" s="131"/>
      <c r="I6" s="131"/>
      <c r="J6" s="131"/>
      <c r="K6" s="132"/>
    </row>
    <row r="7" spans="2:11" ht="39.950000000000003" customHeight="1">
      <c r="B7" s="114"/>
      <c r="C7" s="129" t="s">
        <v>47</v>
      </c>
      <c r="D7" s="130"/>
      <c r="E7" s="130"/>
      <c r="F7" s="130"/>
      <c r="G7" s="131" t="s">
        <v>48</v>
      </c>
      <c r="H7" s="131"/>
      <c r="I7" s="131"/>
      <c r="J7" s="131"/>
      <c r="K7" s="132"/>
    </row>
    <row r="8" spans="2:11" ht="39.950000000000003" customHeight="1">
      <c r="B8" s="48" t="s">
        <v>33</v>
      </c>
      <c r="C8" s="59" t="s">
        <v>49</v>
      </c>
      <c r="D8" s="58" t="s">
        <v>35</v>
      </c>
      <c r="E8" s="60" t="s">
        <v>50</v>
      </c>
      <c r="F8" s="61" t="s">
        <v>51</v>
      </c>
      <c r="G8" s="61" t="s">
        <v>52</v>
      </c>
      <c r="H8" s="61" t="s">
        <v>53</v>
      </c>
      <c r="I8" s="61" t="s">
        <v>54</v>
      </c>
      <c r="J8" s="61" t="s">
        <v>55</v>
      </c>
      <c r="K8" s="62" t="s">
        <v>56</v>
      </c>
    </row>
    <row r="9" spans="2:11" ht="21.95" customHeight="1">
      <c r="B9" s="52" t="s">
        <v>57</v>
      </c>
      <c r="C9" s="136" t="s">
        <v>58</v>
      </c>
      <c r="D9" s="137"/>
      <c r="E9" s="137"/>
      <c r="F9" s="137"/>
      <c r="G9" s="137"/>
      <c r="H9" s="137"/>
      <c r="I9" s="137"/>
      <c r="J9" s="137"/>
      <c r="K9" s="138"/>
    </row>
    <row r="10" spans="2:11" ht="39.950000000000003" customHeight="1">
      <c r="B10" s="48" t="s">
        <v>37</v>
      </c>
      <c r="C10" s="139" t="s">
        <v>59</v>
      </c>
      <c r="D10" s="140"/>
      <c r="E10" s="140"/>
      <c r="F10" s="140"/>
      <c r="G10" s="140"/>
      <c r="H10" s="140"/>
      <c r="I10" s="140"/>
      <c r="J10" s="140"/>
      <c r="K10" s="141"/>
    </row>
    <row r="11" spans="2:11" ht="15.95" customHeight="1">
      <c r="K11" s="47" t="s">
        <v>38</v>
      </c>
    </row>
    <row r="12" spans="2:11" ht="15.95" customHeight="1"/>
    <row r="13" spans="2:11" ht="15.95" customHeight="1">
      <c r="H13" s="47"/>
    </row>
    <row r="14" spans="2:11" ht="15.95" customHeight="1">
      <c r="B14" s="142" t="s">
        <v>110</v>
      </c>
      <c r="C14" s="142"/>
    </row>
    <row r="15" spans="2:11" ht="15.95" customHeight="1">
      <c r="B15" s="53"/>
      <c r="C15" s="53"/>
    </row>
    <row r="16" spans="2:11" ht="15.95" customHeight="1"/>
    <row r="17" spans="2:11" ht="15.95" customHeight="1">
      <c r="B17" s="45" t="s">
        <v>39</v>
      </c>
    </row>
    <row r="18" spans="2:11" ht="15.95" customHeight="1"/>
    <row r="19" spans="2:11" ht="15.95" customHeight="1"/>
    <row r="20" spans="2:11" s="56" customFormat="1" ht="30" customHeight="1">
      <c r="B20" s="54"/>
      <c r="C20" s="55" t="s">
        <v>40</v>
      </c>
      <c r="D20" s="143" t="s">
        <v>60</v>
      </c>
      <c r="E20" s="143"/>
      <c r="F20" s="143"/>
      <c r="G20" s="54"/>
      <c r="H20" s="54"/>
      <c r="I20" s="54"/>
      <c r="J20" s="54"/>
      <c r="K20" s="54"/>
    </row>
    <row r="21" spans="2:11" s="56" customFormat="1" ht="30" customHeight="1">
      <c r="B21" s="54"/>
      <c r="C21" s="55" t="s">
        <v>41</v>
      </c>
      <c r="D21" s="144" t="s">
        <v>101</v>
      </c>
      <c r="E21" s="144"/>
      <c r="F21" s="144"/>
      <c r="G21" s="144"/>
      <c r="H21" s="144"/>
      <c r="I21" s="144"/>
      <c r="J21" s="144"/>
      <c r="K21" s="144"/>
    </row>
    <row r="22" spans="2:11" s="56" customFormat="1" ht="30" customHeight="1">
      <c r="B22" s="54"/>
      <c r="C22" s="55"/>
      <c r="D22" s="135"/>
      <c r="E22" s="144"/>
      <c r="F22" s="144"/>
      <c r="G22" s="144"/>
      <c r="H22" s="144"/>
      <c r="I22" s="144"/>
      <c r="J22" s="144"/>
      <c r="K22" s="144"/>
    </row>
    <row r="23" spans="2:11" s="56" customFormat="1" ht="30" customHeight="1">
      <c r="B23" s="54"/>
      <c r="C23" s="55" t="s">
        <v>42</v>
      </c>
      <c r="D23" s="133" t="s">
        <v>100</v>
      </c>
      <c r="E23" s="134"/>
      <c r="F23" s="134"/>
      <c r="G23" s="134"/>
      <c r="H23" s="134"/>
      <c r="I23" s="134"/>
      <c r="J23" s="134"/>
      <c r="K23" s="134"/>
    </row>
    <row r="24" spans="2:11" s="56" customFormat="1" ht="30" customHeight="1">
      <c r="B24" s="54"/>
      <c r="C24" s="55" t="s">
        <v>43</v>
      </c>
      <c r="D24" s="135" t="s">
        <v>61</v>
      </c>
      <c r="E24" s="135"/>
      <c r="F24" s="135"/>
      <c r="G24" s="135"/>
      <c r="H24" s="135"/>
      <c r="I24" s="135"/>
      <c r="J24" s="135"/>
      <c r="K24" s="135"/>
    </row>
    <row r="25" spans="2:11" s="56" customFormat="1">
      <c r="B25" s="54"/>
    </row>
  </sheetData>
  <mergeCells count="14">
    <mergeCell ref="D23:K23"/>
    <mergeCell ref="D24:K24"/>
    <mergeCell ref="C9:K9"/>
    <mergeCell ref="C10:K10"/>
    <mergeCell ref="B14:C14"/>
    <mergeCell ref="D20:F20"/>
    <mergeCell ref="D21:K21"/>
    <mergeCell ref="D22:K22"/>
    <mergeCell ref="I1:K1"/>
    <mergeCell ref="B6:B7"/>
    <mergeCell ref="C6:D6"/>
    <mergeCell ref="E6:K6"/>
    <mergeCell ref="C7:F7"/>
    <mergeCell ref="G7:K7"/>
  </mergeCells>
  <phoneticPr fontId="3"/>
  <dataValidations count="2">
    <dataValidation imeMode="off" allowBlank="1" showInputMessage="1" showErrorMessage="1" sqref="I1:K1 D20 B14:B15 E8:K8"/>
    <dataValidation imeMode="fullKatakana" allowBlank="1" showInputMessage="1" showErrorMessage="1" sqref="C9:K9"/>
  </dataValidations>
  <pageMargins left="0.64" right="0.59" top="0.8" bottom="0.68" header="0.51200000000000001" footer="0.44"/>
  <pageSetup paperSize="9" orientation="portrait" horizontalDpi="300"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6</vt:i4>
      </vt:variant>
    </vt:vector>
  </HeadingPairs>
  <TitlesOfParts>
    <vt:vector size="15" baseType="lpstr">
      <vt:lpstr>別紙１　所要額調書</vt:lpstr>
      <vt:lpstr>Sheet</vt:lpstr>
      <vt:lpstr>別紙１　 (記入例)</vt:lpstr>
      <vt:lpstr>別紙２　事業計画書</vt:lpstr>
      <vt:lpstr>別紙２　 (記入例)</vt:lpstr>
      <vt:lpstr>（参考）当該事業に係る歳入歳出予算書の抄本</vt:lpstr>
      <vt:lpstr>当該事業に係る歳入歳出予算書の抄本 (記入例）</vt:lpstr>
      <vt:lpstr>（参考）口座振込申出書</vt:lpstr>
      <vt:lpstr>口座振込申出書（記入例）</vt:lpstr>
      <vt:lpstr>'（参考）当該事業に係る歳入歳出予算書の抄本'!Print_Area</vt:lpstr>
      <vt:lpstr>'口座振込申出書（記入例）'!Print_Area</vt:lpstr>
      <vt:lpstr>'別紙１　 (記入例)'!Print_Area</vt:lpstr>
      <vt:lpstr>'別紙１　所要額調書'!Print_Area</vt:lpstr>
      <vt:lpstr>'別紙２　 (記入例)'!Print_Area</vt:lpstr>
      <vt:lpstr>'別紙２　事業計画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4-07-18T01:40:19Z</cp:lastPrinted>
  <dcterms:created xsi:type="dcterms:W3CDTF">2019-11-19T05:37:25Z</dcterms:created>
  <dcterms:modified xsi:type="dcterms:W3CDTF">2025-08-29T06:30:31Z</dcterms:modified>
</cp:coreProperties>
</file>